
<file path=[Content_Types].xml><?xml version="1.0" encoding="utf-8"?>
<Types xmlns="http://schemas.openxmlformats.org/package/2006/content-types">
  <Default Extension="emf" ContentType="image/x-emf"/>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282" r:id="rId3"/>
    <p:sldId id="308" r:id="rId4"/>
    <p:sldId id="301" r:id="rId5"/>
    <p:sldId id="307" r:id="rId6"/>
    <p:sldId id="304" r:id="rId7"/>
    <p:sldId id="300"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08CCF"/>
    <a:srgbClr val="FF7330"/>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1442" autoAdjust="0"/>
    <p:restoredTop sz="82721" autoAdjust="0"/>
  </p:normalViewPr>
  <p:slideViewPr>
    <p:cSldViewPr snapToGrid="0" showGuides="1">
      <p:cViewPr varScale="1">
        <p:scale>
          <a:sx n="105" d="100"/>
          <a:sy n="105" d="100"/>
        </p:scale>
        <p:origin x="1016" y="184"/>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vert="horz" lIns="96661" tIns="48331" rIns="96661" bIns="48331" rtlCol="0"/>
          <a:lstStyle/>
          <a:p>
            <a:r>
              <a:rPr lang="en-US" sz="1200" dirty="0">
                <a:solidFill>
                  <a:srgbClr val="000000"/>
                </a:solidFill>
              </a:rPr>
              <a:t>In the introduction to DHIS2 course, you learned that DHIS2 allows you to group organization units by any user defined criteria into groups and group sets. For example, the form of ownership or type of facility.</a:t>
            </a:r>
          </a:p>
        </p:txBody>
      </p:sp>
    </p:spTree>
    <p:extLst>
      <p:ext uri="{BB962C8B-B14F-4D97-AF65-F5344CB8AC3E}">
        <p14:creationId xmlns:p14="http://schemas.microsoft.com/office/powerpoint/2010/main" val="2017305163"/>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vert="horz" lIns="96661" tIns="48331" rIns="96661" bIns="48331" rtlCol="0"/>
          <a:lstStyle/>
          <a:p>
            <a:r>
              <a:rPr lang="en-US" sz="1400" b="0" i="0" u="none" strike="noStrike" kern="1200">
                <a:solidFill>
                  <a:schemeClr val="tx1"/>
                </a:solidFill>
                <a:effectLst/>
                <a:latin typeface="Lato" panose="020F0502020204030203" pitchFamily="34" charset="0"/>
                <a:ea typeface="+mn-ea"/>
                <a:cs typeface="+mn-cs"/>
              </a:rPr>
              <a:t>In </a:t>
            </a:r>
            <a:r>
              <a:rPr lang="en-US" sz="1400" b="0" i="0" u="none" strike="noStrike" kern="1200" dirty="0">
                <a:solidFill>
                  <a:schemeClr val="tx1"/>
                </a:solidFill>
                <a:effectLst/>
                <a:latin typeface="Lato" panose="020F0502020204030203" pitchFamily="34" charset="0"/>
                <a:ea typeface="+mn-ea"/>
                <a:cs typeface="+mn-cs"/>
              </a:rPr>
              <a:t>this video, you will see how you can create these classifications in DHIS2. </a:t>
            </a:r>
            <a:br>
              <a:rPr lang="en-US" sz="1200" dirty="0"/>
            </a:br>
            <a:endParaRPr lang="en-US" sz="1200" dirty="0">
              <a:solidFill>
                <a:srgbClr val="000000"/>
              </a:solidFill>
            </a:endParaRPr>
          </a:p>
        </p:txBody>
      </p:sp>
    </p:spTree>
    <p:extLst>
      <p:ext uri="{BB962C8B-B14F-4D97-AF65-F5344CB8AC3E}">
        <p14:creationId xmlns:p14="http://schemas.microsoft.com/office/powerpoint/2010/main" val="1515315902"/>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Before we get started, let's review the facilities in our organization unit hierarchy and discuss how we might classify them. As we can see, our organization units consist of two facility types: Hospitals and health centers.</a:t>
            </a:r>
            <a:endParaRPr lang="en-NO" dirty="0"/>
          </a:p>
        </p:txBody>
      </p:sp>
    </p:spTree>
    <p:extLst>
      <p:ext uri="{BB962C8B-B14F-4D97-AF65-F5344CB8AC3E}">
        <p14:creationId xmlns:p14="http://schemas.microsoft.com/office/powerpoint/2010/main" val="2858446660"/>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We can use this example classification as the basis for grouping our organization units together. </a:t>
            </a:r>
            <a:endParaRPr lang="en-NO" dirty="0"/>
          </a:p>
        </p:txBody>
      </p:sp>
    </p:spTree>
    <p:extLst>
      <p:ext uri="{BB962C8B-B14F-4D97-AF65-F5344CB8AC3E}">
        <p14:creationId xmlns:p14="http://schemas.microsoft.com/office/powerpoint/2010/main" val="2624364022"/>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Now let's create the organization unit groups that we have identified. In the maintenance app, click on the organization unit tab and select organization unit group from either the left side menu or from the main page. From here, we can click on the plus icon to add a new organization unit group. In the configuration page, there is only one required field, the name. All other fields are optional. </a:t>
            </a:r>
          </a:p>
          <a:p>
            <a:endParaRPr lang="en-US" dirty="0"/>
          </a:p>
          <a:p>
            <a:r>
              <a:rPr lang="en-US" dirty="0"/>
              <a:t>Let's create a group for hospitals. For the name, type in hospital and code HOSP. Adding a code is a best practice. We also have the option to assign a symbol to the organization units that will belong to this group. If we click on select, we have a number of different symbols that appear. These symbols are useful when selecting the facility layer in maps. You can learn about viewing facility data and maps in the DHIS2 data analysis course. </a:t>
            </a:r>
          </a:p>
          <a:p>
            <a:endParaRPr lang="en-US" dirty="0"/>
          </a:p>
          <a:p>
            <a:r>
              <a:rPr lang="en-US" dirty="0"/>
              <a:t>After selecting a symbol, we can select the organization units we want to include in the group. This is where our configuration spreadsheet becomes very helpful as we have already indicated this grouping in that file. </a:t>
            </a:r>
          </a:p>
          <a:p>
            <a:endParaRPr lang="en-US"/>
          </a:p>
          <a:p>
            <a:r>
              <a:rPr lang="en-US"/>
              <a:t>To </a:t>
            </a:r>
            <a:r>
              <a:rPr lang="en-US" dirty="0"/>
              <a:t>select the organization units to include, you can either expand the organization unit hierarchy and manually select each one of the organization units you want to include, or you can make this go a bit faster by filtering out specific organization units by using the search box, labeled filtering organization units by name. </a:t>
            </a:r>
          </a:p>
          <a:p>
            <a:endParaRPr lang="en-US" dirty="0"/>
          </a:p>
          <a:p>
            <a:r>
              <a:rPr lang="en-US" dirty="0"/>
              <a:t>If we enter hospital in this field, it will filter out all of the organization units with hospital in their name. Note that we still have to select them after they've been filtered. The selected organization units are now highlighted in orange, and you will see a prompt indicating how many organization units are selected. </a:t>
            </a:r>
          </a:p>
          <a:p>
            <a:endParaRPr lang="en-US" dirty="0"/>
          </a:p>
          <a:p>
            <a:r>
              <a:rPr lang="en-US" dirty="0"/>
              <a:t>After selecting the organization units to include in this group, click on save to create it. Now let's repeat the steps and create the health center group. Click on the plus sign to create the new group, then enter the name, code and assign it a symbol. </a:t>
            </a:r>
          </a:p>
          <a:p>
            <a:endParaRPr lang="en-US" dirty="0"/>
          </a:p>
          <a:p>
            <a:r>
              <a:rPr lang="en-US" dirty="0"/>
              <a:t>To assign organization units, we can again filter them by name. This works if all the organization units that we want to put in the health center group have health center in their name. We can also use the selection tool by level and group on the right side. When we have selected the organization units that we want to include within this group, click save. We have now created two organization unit groups, one for hospitals, and one for health centers. </a:t>
            </a:r>
          </a:p>
        </p:txBody>
      </p:sp>
    </p:spTree>
    <p:extLst>
      <p:ext uri="{BB962C8B-B14F-4D97-AF65-F5344CB8AC3E}">
        <p14:creationId xmlns:p14="http://schemas.microsoft.com/office/powerpoint/2010/main" val="1015819371"/>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solidFill>
                  <a:srgbClr val="000000"/>
                </a:solidFill>
                <a:latin typeface="Lato"/>
                <a:sym typeface="Lato"/>
              </a:rPr>
              <a:t>In summary, we have seen how to create organization unit groups in DHIS2 based on criteria specific to your use case. The first step is to define the categories of organization units we want to group, which is normally done outside of DHIS2. To create a new group, open the maintenance app, select the organization unit, then select the organization unit group button, then click the blue plus sign to add a new item, fill in the name and the short name along with optional fields if required such as a code and symbol. Lastly, add the organization units we want to include in the group.</a:t>
            </a:r>
            <a:endParaRPr lang="en-NO" dirty="0">
              <a:solidFill>
                <a:srgbClr val="000000"/>
              </a:solidFill>
              <a:latin typeface="Lato"/>
              <a:sym typeface="Lato"/>
            </a:endParaRPr>
          </a:p>
        </p:txBody>
      </p:sp>
    </p:spTree>
    <p:extLst>
      <p:ext uri="{BB962C8B-B14F-4D97-AF65-F5344CB8AC3E}">
        <p14:creationId xmlns:p14="http://schemas.microsoft.com/office/powerpoint/2010/main" val="3609672020"/>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standalone="yes"?>
<Relationships xmlns="http://schemas.openxmlformats.org/package/2006/relationships"><Relationship Id="rId8" Type="http://schemas.openxmlformats.org/officeDocument/2006/relationships/image" Target="../media/image15.png"/><Relationship Id="rId3" Type="http://schemas.microsoft.com/office/2007/relationships/media" Target="../media/media1.mp3"/><Relationship Id="rId7" Type="http://schemas.openxmlformats.org/officeDocument/2006/relationships/image" Target="../media/image14.png"/><Relationship Id="rId2" Type="http://schemas.openxmlformats.org/officeDocument/2006/relationships/audio" Target="NULL" TargetMode="External"/><Relationship Id="rId1" Type="http://schemas.openxmlformats.org/officeDocument/2006/relationships/tags" Target="../tags/tag2.xml"/><Relationship Id="rId6" Type="http://schemas.openxmlformats.org/officeDocument/2006/relationships/image" Target="../media/image13.png"/><Relationship Id="rId5" Type="http://schemas.openxmlformats.org/officeDocument/2006/relationships/notesSlide" Target="../notesSlides/notesSlide1.xml"/><Relationship Id="rId4" Type="http://schemas.openxmlformats.org/officeDocument/2006/relationships/slideLayout" Target="../slideLayouts/slideLayout26.xml"/></Relationships>
</file>

<file path=ppt/slides/_rels/slide2.xml.rels><?xml version="1.0" encoding="UTF-8" standalone="yes"?>
<Relationships xmlns="http://schemas.openxmlformats.org/package/2006/relationships"><Relationship Id="rId8" Type="http://schemas.openxmlformats.org/officeDocument/2006/relationships/image" Target="../media/image26.png"/><Relationship Id="rId13" Type="http://schemas.openxmlformats.org/officeDocument/2006/relationships/image" Target="../media/image31.png"/><Relationship Id="rId3" Type="http://schemas.openxmlformats.org/officeDocument/2006/relationships/notesSlide" Target="../notesSlides/notesSlide2.xml"/><Relationship Id="rId7" Type="http://schemas.openxmlformats.org/officeDocument/2006/relationships/image" Target="../media/image25.svg"/><Relationship Id="rId12" Type="http://schemas.openxmlformats.org/officeDocument/2006/relationships/image" Target="../media/image30.emf"/><Relationship Id="rId2" Type="http://schemas.openxmlformats.org/officeDocument/2006/relationships/slideLayout" Target="../slideLayouts/slideLayout26.xml"/><Relationship Id="rId16" Type="http://schemas.openxmlformats.org/officeDocument/2006/relationships/image" Target="../media/image34.svg"/><Relationship Id="rId1" Type="http://schemas.openxmlformats.org/officeDocument/2006/relationships/tags" Target="../tags/tag3.xml"/><Relationship Id="rId6" Type="http://schemas.openxmlformats.org/officeDocument/2006/relationships/image" Target="../media/image24.png"/><Relationship Id="rId11" Type="http://schemas.openxmlformats.org/officeDocument/2006/relationships/image" Target="../media/image29.svg"/><Relationship Id="rId5" Type="http://schemas.openxmlformats.org/officeDocument/2006/relationships/image" Target="../media/image23.svg"/><Relationship Id="rId15" Type="http://schemas.openxmlformats.org/officeDocument/2006/relationships/image" Target="../media/image33.png"/><Relationship Id="rId10" Type="http://schemas.openxmlformats.org/officeDocument/2006/relationships/image" Target="../media/image28.png"/><Relationship Id="rId4" Type="http://schemas.openxmlformats.org/officeDocument/2006/relationships/image" Target="../media/image22.png"/><Relationship Id="rId9" Type="http://schemas.openxmlformats.org/officeDocument/2006/relationships/image" Target="../media/image27.svg"/><Relationship Id="rId14" Type="http://schemas.openxmlformats.org/officeDocument/2006/relationships/image" Target="../media/image32.svg"/></Relationships>
</file>

<file path=ppt/slides/_rels/slide3.xml.rels><?xml version="1.0" encoding="UTF-8" standalone="yes"?>
<Relationships xmlns="http://schemas.openxmlformats.org/package/2006/relationships"><Relationship Id="rId8" Type="http://schemas.openxmlformats.org/officeDocument/2006/relationships/image" Target="../media/image26.png"/><Relationship Id="rId13" Type="http://schemas.openxmlformats.org/officeDocument/2006/relationships/image" Target="../media/image31.png"/><Relationship Id="rId3" Type="http://schemas.openxmlformats.org/officeDocument/2006/relationships/notesSlide" Target="../notesSlides/notesSlide3.xml"/><Relationship Id="rId7" Type="http://schemas.openxmlformats.org/officeDocument/2006/relationships/image" Target="../media/image25.svg"/><Relationship Id="rId12" Type="http://schemas.openxmlformats.org/officeDocument/2006/relationships/image" Target="../media/image30.emf"/><Relationship Id="rId2" Type="http://schemas.openxmlformats.org/officeDocument/2006/relationships/slideLayout" Target="../slideLayouts/slideLayout2.xml"/><Relationship Id="rId16" Type="http://schemas.openxmlformats.org/officeDocument/2006/relationships/image" Target="../media/image36.svg"/><Relationship Id="rId1" Type="http://schemas.openxmlformats.org/officeDocument/2006/relationships/tags" Target="../tags/tag4.xml"/><Relationship Id="rId6" Type="http://schemas.openxmlformats.org/officeDocument/2006/relationships/image" Target="../media/image24.png"/><Relationship Id="rId11" Type="http://schemas.openxmlformats.org/officeDocument/2006/relationships/image" Target="../media/image29.svg"/><Relationship Id="rId5" Type="http://schemas.openxmlformats.org/officeDocument/2006/relationships/image" Target="../media/image23.svg"/><Relationship Id="rId15" Type="http://schemas.openxmlformats.org/officeDocument/2006/relationships/image" Target="../media/image33.png"/><Relationship Id="rId10" Type="http://schemas.openxmlformats.org/officeDocument/2006/relationships/image" Target="../media/image28.png"/><Relationship Id="rId4" Type="http://schemas.openxmlformats.org/officeDocument/2006/relationships/image" Target="../media/image22.png"/><Relationship Id="rId9" Type="http://schemas.openxmlformats.org/officeDocument/2006/relationships/image" Target="../media/image27.svg"/><Relationship Id="rId14" Type="http://schemas.openxmlformats.org/officeDocument/2006/relationships/image" Target="../media/image35.sv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 Id="rId4" Type="http://schemas.openxmlformats.org/officeDocument/2006/relationships/image" Target="../media/image30.emf"/></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4.xml"/><Relationship Id="rId1" Type="http://schemas.openxmlformats.org/officeDocument/2006/relationships/tags" Target="../tags/tag6.xml"/><Relationship Id="rId4" Type="http://schemas.openxmlformats.org/officeDocument/2006/relationships/image" Target="../media/image30.emf"/></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9.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10.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16.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dirty="0"/>
          </a:p>
        </p:txBody>
      </p:sp>
      <p:pic>
        <p:nvPicPr>
          <p:cNvPr id="3" name="Picture 2">
            <a:extLst>
              <a:ext uri="{FF2B5EF4-FFF2-40B4-BE49-F238E27FC236}">
                <a16:creationId xmlns:a16="http://schemas.microsoft.com/office/drawing/2014/main" id="{8664D5A5-207E-49EA-B58B-22F0BC786604}"/>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71289" y="-4243747"/>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dirty="0"/>
          </a:p>
        </p:txBody>
      </p:sp>
      <p:pic>
        <p:nvPicPr>
          <p:cNvPr id="5" name="Picture 2">
            <a:extLst>
              <a:ext uri="{FF2B5EF4-FFF2-40B4-BE49-F238E27FC236}">
                <a16:creationId xmlns:a16="http://schemas.microsoft.com/office/drawing/2014/main" id="{5A1E72D3-8FEB-4732-9F30-CC30C0B2551C}"/>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4" y="2302932"/>
            <a:ext cx="9409445" cy="1237929"/>
          </a:xfrm>
          <a:prstGeom prst="rect">
            <a:avLst/>
          </a:prstGeom>
        </p:spPr>
        <p:txBody>
          <a:bodyPr anchor="ctr"/>
          <a:lstStyle>
            <a:lvl1pPr algn="l" defTabSz="914400" rtl="0" eaLnBrk="1" latinLnBrk="0" hangingPunct="1">
              <a:lnSpc>
                <a:spcPct val="90000"/>
              </a:lnSpc>
              <a:spcBef>
                <a:spcPct val="0"/>
              </a:spcBef>
              <a:buNone/>
              <a:defRPr sz="4400" kern="1200">
                <a:solidFill>
                  <a:schemeClr val="bg1"/>
                </a:solidFill>
                <a:latin typeface="Rubik Medium" pitchFamily="2" charset="-79"/>
                <a:ea typeface="+mj-ea"/>
                <a:cs typeface="Rubik Medium" pitchFamily="2" charset="-79"/>
              </a:defRPr>
            </a:lvl1pPr>
          </a:lstStyle>
          <a:p>
            <a:r>
              <a:rPr lang="en-US" dirty="0"/>
              <a:t>Creating </a:t>
            </a:r>
            <a:r>
              <a:rPr lang="en-US" err="1"/>
              <a:t>organisation</a:t>
            </a:r>
            <a:r>
              <a:rPr lang="en-US"/>
              <a:t> unit groups</a:t>
            </a:r>
            <a:endParaRPr lang="es-ES" dirty="0"/>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marL="0" indent="0" algn="l" defTabSz="914400" rtl="0" eaLnBrk="1" latinLnBrk="0" hangingPunct="1">
              <a:lnSpc>
                <a:spcPct val="90000"/>
              </a:lnSpc>
              <a:spcBef>
                <a:spcPts val="1000"/>
              </a:spcBef>
              <a:buClr>
                <a:srgbClr val="008CCF"/>
              </a:buClr>
              <a:buSzPct val="110000"/>
              <a:buFont typeface="Rubik" pitchFamily="2" charset="-79"/>
              <a:buNone/>
              <a:defRPr sz="2800" kern="1200">
                <a:solidFill>
                  <a:schemeClr val="bg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s-ES"/>
              <a:t>DHIS2 Customization</a:t>
            </a:r>
            <a:endParaRPr lang="es-ES" dirty="0"/>
          </a:p>
        </p:txBody>
      </p:sp>
      <p:pic>
        <p:nvPicPr>
          <p:cNvPr id="8" name="A Himitsu - Adventures [Argofox]">
            <a:hlinkClick r:id="" action="ppaction://media"/>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spd="slow" p14:dur="2000" advClick="0" advTm="12904"/>
    </mc:Choice>
    <mc:Fallback xmlns="">
      <p:transition spd="slow" advClick="0" advTm="12904"/>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6"/>
                                        </p:tgtEl>
                                        <p:attrNameLst>
                                          <p:attrName>style.visibility</p:attrName>
                                        </p:attrNameLst>
                                      </p:cBhvr>
                                      <p:to>
                                        <p:strVal val="visible"/>
                                      </p:to>
                                    </p:set>
                                    <p:animEffect transition="in" filter="fade">
                                      <p:cBhvr>
                                        <p:cTn id="19" dur="250"/>
                                        <p:tgtEl>
                                          <p:spTgt spid="6"/>
                                        </p:tgtEl>
                                      </p:cBhvr>
                                    </p:animEffect>
                                    <p:anim calcmode="lin" valueType="num">
                                      <p:cBhvr>
                                        <p:cTn id="20" dur="250" fill="hold"/>
                                        <p:tgtEl>
                                          <p:spTgt spid="6"/>
                                        </p:tgtEl>
                                        <p:attrNameLst>
                                          <p:attrName>ppt_x</p:attrName>
                                        </p:attrNameLst>
                                      </p:cBhvr>
                                      <p:tavLst>
                                        <p:tav tm="0">
                                          <p:val>
                                            <p:strVal val="#ppt_x"/>
                                          </p:val>
                                        </p:tav>
                                        <p:tav tm="100000">
                                          <p:val>
                                            <p:strVal val="#ppt_x"/>
                                          </p:val>
                                        </p:tav>
                                      </p:tavLst>
                                    </p:anim>
                                    <p:anim calcmode="lin" valueType="num">
                                      <p:cBhvr>
                                        <p:cTn id="21" dur="250" fill="hold"/>
                                        <p:tgtEl>
                                          <p:spTgt spid="6"/>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7"/>
                                        </p:tgtEl>
                                        <p:attrNameLst>
                                          <p:attrName>style.visibility</p:attrName>
                                        </p:attrNameLst>
                                      </p:cBhvr>
                                      <p:to>
                                        <p:strVal val="visible"/>
                                      </p:to>
                                    </p:set>
                                    <p:animEffect transition="in" filter="fade">
                                      <p:cBhvr>
                                        <p:cTn id="24" dur="250"/>
                                        <p:tgtEl>
                                          <p:spTgt spid="7"/>
                                        </p:tgtEl>
                                      </p:cBhvr>
                                    </p:animEffect>
                                    <p:anim calcmode="lin" valueType="num">
                                      <p:cBhvr>
                                        <p:cTn id="25" dur="250" fill="hold"/>
                                        <p:tgtEl>
                                          <p:spTgt spid="7"/>
                                        </p:tgtEl>
                                        <p:attrNameLst>
                                          <p:attrName>ppt_x</p:attrName>
                                        </p:attrNameLst>
                                      </p:cBhvr>
                                      <p:tavLst>
                                        <p:tav tm="0">
                                          <p:val>
                                            <p:strVal val="#ppt_x"/>
                                          </p:val>
                                        </p:tav>
                                        <p:tav tm="100000">
                                          <p:val>
                                            <p:strVal val="#ppt_x"/>
                                          </p:val>
                                        </p:tav>
                                      </p:tavLst>
                                    </p:anim>
                                    <p:anim calcmode="lin" valueType="num">
                                      <p:cBhvr>
                                        <p:cTn id="26" dur="250" fill="hold"/>
                                        <p:tgtEl>
                                          <p:spTgt spid="7"/>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3"/>
                                        </p:tgtEl>
                                      </p:cBhvr>
                                    </p:animEffect>
                                    <p:set>
                                      <p:cBhvr>
                                        <p:cTn id="33" dur="1" fill="hold">
                                          <p:stCondLst>
                                            <p:cond delay="99"/>
                                          </p:stCondLst>
                                        </p:cTn>
                                        <p:tgtEl>
                                          <p:spTgt spid="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8"/>
                </p:tgtEl>
              </p:cMediaNode>
            </p:audio>
          </p:childTnLst>
        </p:cTn>
      </p:par>
    </p:tnLst>
    <p:bldLst>
      <p:bldP spid="4" grpId="0" animBg="1"/>
      <p:bldP spid="4" grpId="1" animBg="1"/>
      <p:bldP spid="6" grpId="0"/>
      <p:bldP spid="7" grpId="0">
        <p:tmplLst>
          <p:tmpl>
            <p:tnLst>
              <p:par>
                <p:cTn presetID="47" presetClass="entr" presetSubtype="0" fill="hold" nodeType="withEffect">
                  <p:stCondLst>
                    <p:cond delay="4000"/>
                  </p:stCondLst>
                  <p:childTnLst>
                    <p:set>
                      <p:cBhvr>
                        <p:cTn dur="1" fill="hold">
                          <p:stCondLst>
                            <p:cond delay="0"/>
                          </p:stCondLst>
                        </p:cTn>
                        <p:tgtEl>
                          <p:spTgt spid="7"/>
                        </p:tgtEl>
                        <p:attrNameLst>
                          <p:attrName>style.visibility</p:attrName>
                        </p:attrNameLst>
                      </p:cBhvr>
                      <p:to>
                        <p:strVal val="visible"/>
                      </p:to>
                    </p:set>
                    <p:animEffect transition="in" filter="fade">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2" name="Graphic 21" hidden="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id="26" name="Graphic 25" hidden="1">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id="28" name="Graphic 27" hidden="1">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id="34" name="Graphic 33" hidden="1">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72" name="Group 2">
            <a:extLst>
              <a:ext uri="{FF2B5EF4-FFF2-40B4-BE49-F238E27FC236}">
                <a16:creationId xmlns:a16="http://schemas.microsoft.com/office/drawing/2014/main" id="{42DFF70B-B72F-B457-CBF9-9F10EEF990AD}"/>
              </a:ext>
            </a:extLst>
          </p:cNvPr>
          <p:cNvGrpSpPr/>
          <p:nvPr/>
        </p:nvGrpSpPr>
        <p:grpSpPr>
          <a:xfrm>
            <a:off x="7758428" y="3973987"/>
            <a:ext cx="768456" cy="627555"/>
            <a:chOff x="1227099" y="2167452"/>
            <a:chExt cx="9723121" cy="7857083"/>
          </a:xfrm>
          <a:noFill/>
        </p:grpSpPr>
        <p:sp>
          <p:nvSpPr>
            <p:cNvPr id="76" name="Free Form 3">
              <a:extLst>
                <a:ext uri="{FF2B5EF4-FFF2-40B4-BE49-F238E27FC236}">
                  <a16:creationId xmlns:a16="http://schemas.microsoft.com/office/drawing/2014/main" id="{84875861-E997-9528-BAA6-3116E289B952}"/>
                </a:ext>
              </a:extLst>
            </p:cNvPr>
            <p:cNvSpPr/>
            <p:nvPr/>
          </p:nvSpPr>
          <p:spPr>
            <a:xfrm>
              <a:off x="1645907" y="2167452"/>
              <a:ext cx="8818876" cy="7854804"/>
            </a:xfrm>
            <a:custGeom>
              <a:avLst/>
              <a:gdLst/>
              <a:ahLst/>
              <a:cxnLst/>
              <a:rect l="0" t="0" r="0" b="0"/>
              <a:pathLst>
                <a:path w="8818880" h="7854808">
                  <a:moveTo>
                    <a:pt x="8711635" y="3025422"/>
                  </a:moveTo>
                  <a:lnTo>
                    <a:pt x="6856871" y="3025422"/>
                  </a:lnTo>
                  <a:cubicBezTo>
                    <a:pt x="6797040" y="3025422"/>
                    <a:pt x="6749626" y="2976880"/>
                    <a:pt x="6749626" y="2918177"/>
                  </a:cubicBezTo>
                  <a:lnTo>
                    <a:pt x="6749626" y="107244"/>
                  </a:lnTo>
                  <a:cubicBezTo>
                    <a:pt x="6749626" y="47413"/>
                    <a:pt x="6701084" y="0"/>
                    <a:pt x="6642382" y="0"/>
                  </a:cubicBezTo>
                  <a:lnTo>
                    <a:pt x="6635608" y="0"/>
                  </a:lnTo>
                  <a:lnTo>
                    <a:pt x="2184400" y="0"/>
                  </a:lnTo>
                  <a:lnTo>
                    <a:pt x="2177626" y="0"/>
                  </a:lnTo>
                  <a:cubicBezTo>
                    <a:pt x="2117795" y="0"/>
                    <a:pt x="2070382" y="48542"/>
                    <a:pt x="2070382" y="107244"/>
                  </a:cubicBezTo>
                  <a:lnTo>
                    <a:pt x="2070382" y="2918177"/>
                  </a:lnTo>
                  <a:cubicBezTo>
                    <a:pt x="2070382" y="2978008"/>
                    <a:pt x="2021840" y="3025422"/>
                    <a:pt x="1963137" y="3025422"/>
                  </a:cubicBezTo>
                  <a:lnTo>
                    <a:pt x="107244" y="3025422"/>
                  </a:lnTo>
                  <a:cubicBezTo>
                    <a:pt x="47413" y="3025422"/>
                    <a:pt x="0" y="3073964"/>
                    <a:pt x="0" y="3132666"/>
                  </a:cubicBezTo>
                  <a:lnTo>
                    <a:pt x="0" y="7747564"/>
                  </a:lnTo>
                  <a:cubicBezTo>
                    <a:pt x="0" y="7807395"/>
                    <a:pt x="48542" y="7854808"/>
                    <a:pt x="107244" y="7854808"/>
                  </a:cubicBezTo>
                  <a:lnTo>
                    <a:pt x="2184400" y="7854808"/>
                  </a:lnTo>
                  <a:lnTo>
                    <a:pt x="6633351" y="7854808"/>
                  </a:lnTo>
                  <a:lnTo>
                    <a:pt x="8710506" y="7854808"/>
                  </a:lnTo>
                  <a:cubicBezTo>
                    <a:pt x="8770337" y="7854808"/>
                    <a:pt x="8817751" y="7806266"/>
                    <a:pt x="8817751" y="7747564"/>
                  </a:cubicBezTo>
                  <a:lnTo>
                    <a:pt x="8817751" y="3133795"/>
                  </a:lnTo>
                  <a:cubicBezTo>
                    <a:pt x="8818880" y="3073964"/>
                    <a:pt x="8770337" y="3025422"/>
                    <a:pt x="8711635" y="3025422"/>
                  </a:cubicBezTo>
                  <a:close/>
                </a:path>
              </a:pathLst>
            </a:custGeom>
            <a:solidFill>
              <a:srgbClr val="083370">
                <a:alpha val="100000"/>
              </a:srgbClr>
            </a:solidFill>
            <a:ln w="0" cap="flat" cmpd="sng">
              <a:noFill/>
              <a:prstDash val="solid"/>
              <a:miter lim="800000"/>
            </a:ln>
          </p:spPr>
          <p:txBody>
            <a:bodyPr anchor="ctr">
              <a:spAutoFit/>
            </a:bodyPr>
            <a:lstStyle/>
            <a:p>
              <a:pPr algn="ctr"/>
              <a:endParaRPr lang="en-US"/>
            </a:p>
          </p:txBody>
        </p:sp>
        <p:sp>
          <p:nvSpPr>
            <p:cNvPr id="77" name="Free Form 4">
              <a:extLst>
                <a:ext uri="{FF2B5EF4-FFF2-40B4-BE49-F238E27FC236}">
                  <a16:creationId xmlns:a16="http://schemas.microsoft.com/office/drawing/2014/main" id="{3367E21E-FBCE-B11B-B990-AEC0F634AFCA}"/>
                </a:ext>
              </a:extLst>
            </p:cNvPr>
            <p:cNvSpPr/>
            <p:nvPr/>
          </p:nvSpPr>
          <p:spPr>
            <a:xfrm>
              <a:off x="5235788" y="3535677"/>
              <a:ext cx="1693334" cy="1693334"/>
            </a:xfrm>
            <a:custGeom>
              <a:avLst/>
              <a:gdLst/>
              <a:ahLst/>
              <a:cxnLst/>
              <a:rect l="0" t="0" r="0" b="0"/>
              <a:pathLst>
                <a:path w="1693333" h="1693333">
                  <a:moveTo>
                    <a:pt x="1663982" y="570088"/>
                  </a:moveTo>
                  <a:lnTo>
                    <a:pt x="1152595" y="570088"/>
                  </a:lnTo>
                  <a:cubicBezTo>
                    <a:pt x="1136791" y="570088"/>
                    <a:pt x="1123244" y="556542"/>
                    <a:pt x="1123244" y="540737"/>
                  </a:cubicBezTo>
                  <a:lnTo>
                    <a:pt x="1123244" y="29351"/>
                  </a:lnTo>
                  <a:cubicBezTo>
                    <a:pt x="1123244" y="13546"/>
                    <a:pt x="1109686" y="0"/>
                    <a:pt x="1093893" y="0"/>
                  </a:cubicBezTo>
                  <a:lnTo>
                    <a:pt x="599440" y="0"/>
                  </a:lnTo>
                  <a:cubicBezTo>
                    <a:pt x="583635" y="0"/>
                    <a:pt x="570088" y="13546"/>
                    <a:pt x="570088" y="29351"/>
                  </a:cubicBezTo>
                  <a:lnTo>
                    <a:pt x="570088" y="540737"/>
                  </a:lnTo>
                  <a:cubicBezTo>
                    <a:pt x="570088" y="556542"/>
                    <a:pt x="556542" y="570088"/>
                    <a:pt x="540737" y="570088"/>
                  </a:cubicBezTo>
                  <a:lnTo>
                    <a:pt x="29351" y="570088"/>
                  </a:lnTo>
                  <a:cubicBezTo>
                    <a:pt x="13546" y="570088"/>
                    <a:pt x="0" y="583635"/>
                    <a:pt x="0" y="599440"/>
                  </a:cubicBezTo>
                  <a:lnTo>
                    <a:pt x="0" y="1093893"/>
                  </a:lnTo>
                  <a:cubicBezTo>
                    <a:pt x="0" y="1109697"/>
                    <a:pt x="13546" y="1123244"/>
                    <a:pt x="29351" y="1123244"/>
                  </a:cubicBezTo>
                  <a:lnTo>
                    <a:pt x="540737" y="1123244"/>
                  </a:lnTo>
                  <a:cubicBezTo>
                    <a:pt x="556542" y="1123244"/>
                    <a:pt x="570088" y="1136791"/>
                    <a:pt x="570088" y="1152595"/>
                  </a:cubicBezTo>
                  <a:lnTo>
                    <a:pt x="570088" y="1663982"/>
                  </a:lnTo>
                  <a:cubicBezTo>
                    <a:pt x="570088" y="1679786"/>
                    <a:pt x="583635" y="1693333"/>
                    <a:pt x="599440" y="1693333"/>
                  </a:cubicBezTo>
                  <a:lnTo>
                    <a:pt x="1093893" y="1693333"/>
                  </a:lnTo>
                  <a:cubicBezTo>
                    <a:pt x="1109686" y="1693333"/>
                    <a:pt x="1123244" y="1679786"/>
                    <a:pt x="1123244" y="1663982"/>
                  </a:cubicBezTo>
                  <a:lnTo>
                    <a:pt x="1123244" y="1152595"/>
                  </a:lnTo>
                  <a:cubicBezTo>
                    <a:pt x="1123244" y="1136791"/>
                    <a:pt x="1136791" y="1123244"/>
                    <a:pt x="1152595" y="1123244"/>
                  </a:cubicBezTo>
                  <a:lnTo>
                    <a:pt x="1663982" y="1123244"/>
                  </a:lnTo>
                  <a:cubicBezTo>
                    <a:pt x="1679775" y="1123244"/>
                    <a:pt x="1693333" y="1109697"/>
                    <a:pt x="1693333" y="1093893"/>
                  </a:cubicBezTo>
                  <a:lnTo>
                    <a:pt x="1693333" y="599440"/>
                  </a:lnTo>
                  <a:cubicBezTo>
                    <a:pt x="1693333" y="583635"/>
                    <a:pt x="1679775" y="570088"/>
                    <a:pt x="1663982" y="570088"/>
                  </a:cubicBezTo>
                  <a:close/>
                </a:path>
              </a:pathLst>
            </a:custGeom>
            <a:solidFill>
              <a:srgbClr val="FF8F02">
                <a:alpha val="100000"/>
              </a:srgbClr>
            </a:solidFill>
            <a:ln w="0" cap="flat" cmpd="sng">
              <a:noFill/>
              <a:prstDash val="solid"/>
              <a:miter lim="800000"/>
            </a:ln>
          </p:spPr>
          <p:txBody>
            <a:bodyPr anchor="ctr">
              <a:spAutoFit/>
            </a:bodyPr>
            <a:lstStyle/>
            <a:p>
              <a:pPr algn="ctr"/>
              <a:endParaRPr lang="en-US"/>
            </a:p>
          </p:txBody>
        </p:sp>
        <p:sp>
          <p:nvSpPr>
            <p:cNvPr id="78" name="Free Form 5">
              <a:extLst>
                <a:ext uri="{FF2B5EF4-FFF2-40B4-BE49-F238E27FC236}">
                  <a16:creationId xmlns:a16="http://schemas.microsoft.com/office/drawing/2014/main" id="{7A75B13F-7985-FA26-F2B8-945AEAB0CCEF}"/>
                </a:ext>
              </a:extLst>
            </p:cNvPr>
            <p:cNvSpPr/>
            <p:nvPr/>
          </p:nvSpPr>
          <p:spPr>
            <a:xfrm>
              <a:off x="5528168" y="7765624"/>
              <a:ext cx="1107440" cy="2248747"/>
            </a:xfrm>
            <a:custGeom>
              <a:avLst/>
              <a:gdLst/>
              <a:ahLst/>
              <a:cxnLst/>
              <a:rect l="0" t="0" r="0" b="0"/>
              <a:pathLst>
                <a:path w="1107440" h="2248746">
                  <a:moveTo>
                    <a:pt x="1070186" y="2248746"/>
                  </a:moveTo>
                  <a:lnTo>
                    <a:pt x="36124" y="2248746"/>
                  </a:lnTo>
                  <a:cubicBezTo>
                    <a:pt x="15804" y="2248746"/>
                    <a:pt x="0" y="2231813"/>
                    <a:pt x="0" y="2212622"/>
                  </a:cubicBezTo>
                  <a:lnTo>
                    <a:pt x="0" y="36124"/>
                  </a:lnTo>
                  <a:cubicBezTo>
                    <a:pt x="0" y="15804"/>
                    <a:pt x="16933" y="0"/>
                    <a:pt x="36124" y="0"/>
                  </a:cubicBezTo>
                  <a:lnTo>
                    <a:pt x="1070186" y="0"/>
                  </a:lnTo>
                  <a:cubicBezTo>
                    <a:pt x="1090506" y="0"/>
                    <a:pt x="1106311" y="16933"/>
                    <a:pt x="1106311" y="36124"/>
                  </a:cubicBezTo>
                  <a:lnTo>
                    <a:pt x="1106311" y="2211493"/>
                  </a:lnTo>
                  <a:cubicBezTo>
                    <a:pt x="1107440" y="2231813"/>
                    <a:pt x="1090506" y="2248746"/>
                    <a:pt x="1070186" y="2248746"/>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79" name="Free Form 6">
              <a:extLst>
                <a:ext uri="{FF2B5EF4-FFF2-40B4-BE49-F238E27FC236}">
                  <a16:creationId xmlns:a16="http://schemas.microsoft.com/office/drawing/2014/main" id="{4BF9BB3A-81B5-1271-44FB-6C9677E9DED5}"/>
                </a:ext>
              </a:extLst>
            </p:cNvPr>
            <p:cNvSpPr/>
            <p:nvPr/>
          </p:nvSpPr>
          <p:spPr>
            <a:xfrm>
              <a:off x="9010791" y="6667209"/>
              <a:ext cx="682977" cy="554296"/>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81" name="Free Form 7">
              <a:extLst>
                <a:ext uri="{FF2B5EF4-FFF2-40B4-BE49-F238E27FC236}">
                  <a16:creationId xmlns:a16="http://schemas.microsoft.com/office/drawing/2014/main" id="{96444717-16A0-C492-5D79-ECBC62187A88}"/>
                </a:ext>
              </a:extLst>
            </p:cNvPr>
            <p:cNvSpPr/>
            <p:nvPr/>
          </p:nvSpPr>
          <p:spPr>
            <a:xfrm>
              <a:off x="9010791" y="7473242"/>
              <a:ext cx="682977" cy="554284"/>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82" name="Free Form 8">
              <a:extLst>
                <a:ext uri="{FF2B5EF4-FFF2-40B4-BE49-F238E27FC236}">
                  <a16:creationId xmlns:a16="http://schemas.microsoft.com/office/drawing/2014/main" id="{8675E79A-37A0-9E99-33D6-796AA1414C68}"/>
                </a:ext>
              </a:extLst>
            </p:cNvPr>
            <p:cNvSpPr/>
            <p:nvPr/>
          </p:nvSpPr>
          <p:spPr>
            <a:xfrm>
              <a:off x="8061388" y="6667209"/>
              <a:ext cx="682978" cy="554296"/>
            </a:xfrm>
            <a:custGeom>
              <a:avLst/>
              <a:gdLst/>
              <a:ahLst/>
              <a:cxnLst/>
              <a:rect l="0" t="0" r="0" b="0"/>
              <a:pathLst>
                <a:path w="682977" h="554295">
                  <a:moveTo>
                    <a:pt x="646864" y="554295"/>
                  </a:moveTo>
                  <a:lnTo>
                    <a:pt x="36124" y="554295"/>
                  </a:lnTo>
                  <a:cubicBezTo>
                    <a:pt x="16933" y="554295"/>
                    <a:pt x="0" y="538491"/>
                    <a:pt x="0" y="518171"/>
                  </a:cubicBezTo>
                  <a:lnTo>
                    <a:pt x="0" y="36135"/>
                  </a:lnTo>
                  <a:cubicBezTo>
                    <a:pt x="0" y="16933"/>
                    <a:pt x="15815" y="0"/>
                    <a:pt x="36124" y="0"/>
                  </a:cubicBezTo>
                  <a:lnTo>
                    <a:pt x="646864" y="0"/>
                  </a:lnTo>
                  <a:cubicBezTo>
                    <a:pt x="666044" y="0"/>
                    <a:pt x="682977" y="15815"/>
                    <a:pt x="682977" y="36135"/>
                  </a:cubicBezTo>
                  <a:lnTo>
                    <a:pt x="682977" y="518171"/>
                  </a:lnTo>
                  <a:cubicBezTo>
                    <a:pt x="682977" y="538491"/>
                    <a:pt x="667184" y="554295"/>
                    <a:pt x="646864"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83" name="Free Form 9">
              <a:extLst>
                <a:ext uri="{FF2B5EF4-FFF2-40B4-BE49-F238E27FC236}">
                  <a16:creationId xmlns:a16="http://schemas.microsoft.com/office/drawing/2014/main" id="{4370F913-2F05-EC02-1FBB-80EFDF87B7FA}"/>
                </a:ext>
              </a:extLst>
            </p:cNvPr>
            <p:cNvSpPr/>
            <p:nvPr/>
          </p:nvSpPr>
          <p:spPr>
            <a:xfrm>
              <a:off x="8061388" y="7473242"/>
              <a:ext cx="682978" cy="554284"/>
            </a:xfrm>
            <a:custGeom>
              <a:avLst/>
              <a:gdLst/>
              <a:ahLst/>
              <a:cxnLst/>
              <a:rect l="0" t="0" r="0" b="0"/>
              <a:pathLst>
                <a:path w="682977" h="554284">
                  <a:moveTo>
                    <a:pt x="646864" y="554284"/>
                  </a:moveTo>
                  <a:lnTo>
                    <a:pt x="36124" y="554284"/>
                  </a:lnTo>
                  <a:cubicBezTo>
                    <a:pt x="16933" y="554284"/>
                    <a:pt x="0" y="538491"/>
                    <a:pt x="0" y="518160"/>
                  </a:cubicBezTo>
                  <a:lnTo>
                    <a:pt x="0" y="36135"/>
                  </a:lnTo>
                  <a:cubicBezTo>
                    <a:pt x="0" y="16933"/>
                    <a:pt x="15815" y="0"/>
                    <a:pt x="36124" y="0"/>
                  </a:cubicBezTo>
                  <a:lnTo>
                    <a:pt x="646864" y="0"/>
                  </a:lnTo>
                  <a:cubicBezTo>
                    <a:pt x="666044" y="0"/>
                    <a:pt x="682977" y="15804"/>
                    <a:pt x="682977" y="36135"/>
                  </a:cubicBezTo>
                  <a:lnTo>
                    <a:pt x="682977" y="519288"/>
                  </a:lnTo>
                  <a:cubicBezTo>
                    <a:pt x="682977" y="538491"/>
                    <a:pt x="667184" y="554284"/>
                    <a:pt x="646864"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84" name="Free Form 10">
              <a:extLst>
                <a:ext uri="{FF2B5EF4-FFF2-40B4-BE49-F238E27FC236}">
                  <a16:creationId xmlns:a16="http://schemas.microsoft.com/office/drawing/2014/main" id="{AEA3150F-3358-B282-5C11-0FA9E044206B}"/>
                </a:ext>
              </a:extLst>
            </p:cNvPr>
            <p:cNvSpPr/>
            <p:nvPr/>
          </p:nvSpPr>
          <p:spPr>
            <a:xfrm>
              <a:off x="3321191" y="6667209"/>
              <a:ext cx="682977" cy="554296"/>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85" name="Free Form 11">
              <a:extLst>
                <a:ext uri="{FF2B5EF4-FFF2-40B4-BE49-F238E27FC236}">
                  <a16:creationId xmlns:a16="http://schemas.microsoft.com/office/drawing/2014/main" id="{B89526A4-E3C4-CB90-6FA7-83DA82E5DB60}"/>
                </a:ext>
              </a:extLst>
            </p:cNvPr>
            <p:cNvSpPr/>
            <p:nvPr/>
          </p:nvSpPr>
          <p:spPr>
            <a:xfrm>
              <a:off x="3321191" y="7473242"/>
              <a:ext cx="682977" cy="554284"/>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86" name="Free Form 12">
              <a:extLst>
                <a:ext uri="{FF2B5EF4-FFF2-40B4-BE49-F238E27FC236}">
                  <a16:creationId xmlns:a16="http://schemas.microsoft.com/office/drawing/2014/main" id="{E42CAADB-BD9A-F3D4-C7F7-3DA3C3B74A42}"/>
                </a:ext>
              </a:extLst>
            </p:cNvPr>
            <p:cNvSpPr/>
            <p:nvPr/>
          </p:nvSpPr>
          <p:spPr>
            <a:xfrm>
              <a:off x="2371794" y="6667209"/>
              <a:ext cx="682978" cy="554296"/>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2977" y="538491"/>
                    <a:pt x="667173"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87" name="Free Form 13">
              <a:extLst>
                <a:ext uri="{FF2B5EF4-FFF2-40B4-BE49-F238E27FC236}">
                  <a16:creationId xmlns:a16="http://schemas.microsoft.com/office/drawing/2014/main" id="{14DED4BF-82F0-7587-8047-34A2481479E8}"/>
                </a:ext>
              </a:extLst>
            </p:cNvPr>
            <p:cNvSpPr/>
            <p:nvPr/>
          </p:nvSpPr>
          <p:spPr>
            <a:xfrm>
              <a:off x="2371794" y="7473242"/>
              <a:ext cx="682978" cy="554284"/>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2977" y="538491"/>
                    <a:pt x="667173"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88" name="Free Form 14">
              <a:extLst>
                <a:ext uri="{FF2B5EF4-FFF2-40B4-BE49-F238E27FC236}">
                  <a16:creationId xmlns:a16="http://schemas.microsoft.com/office/drawing/2014/main" id="{B2FA4B64-4917-5AFB-9A46-15344B62A5C5}"/>
                </a:ext>
              </a:extLst>
            </p:cNvPr>
            <p:cNvSpPr/>
            <p:nvPr/>
          </p:nvSpPr>
          <p:spPr>
            <a:xfrm>
              <a:off x="1227099" y="9595557"/>
              <a:ext cx="9723121" cy="428978"/>
            </a:xfrm>
            <a:custGeom>
              <a:avLst/>
              <a:gdLst/>
              <a:ahLst/>
              <a:cxnLst/>
              <a:rect l="0" t="0" r="0" b="0"/>
              <a:pathLst>
                <a:path w="9723120" h="428977">
                  <a:moveTo>
                    <a:pt x="9675706" y="428977"/>
                  </a:moveTo>
                  <a:lnTo>
                    <a:pt x="25964" y="428977"/>
                  </a:lnTo>
                  <a:cubicBezTo>
                    <a:pt x="0" y="428977"/>
                    <a:pt x="25964" y="407528"/>
                    <a:pt x="25964" y="381564"/>
                  </a:cubicBezTo>
                  <a:lnTo>
                    <a:pt x="25964" y="47413"/>
                  </a:lnTo>
                  <a:cubicBezTo>
                    <a:pt x="25964" y="21437"/>
                    <a:pt x="0" y="0"/>
                    <a:pt x="25964" y="0"/>
                  </a:cubicBezTo>
                  <a:lnTo>
                    <a:pt x="9675706" y="0"/>
                  </a:lnTo>
                  <a:cubicBezTo>
                    <a:pt x="9701671" y="0"/>
                    <a:pt x="9723120" y="21437"/>
                    <a:pt x="9723120" y="47413"/>
                  </a:cubicBezTo>
                  <a:lnTo>
                    <a:pt x="9723120" y="381564"/>
                  </a:lnTo>
                  <a:cubicBezTo>
                    <a:pt x="9723120" y="407528"/>
                    <a:pt x="9701671" y="428977"/>
                    <a:pt x="9675706" y="428977"/>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grpSp>
      <p:pic>
        <p:nvPicPr>
          <p:cNvPr id="115" name="Picture 114">
            <a:extLst>
              <a:ext uri="{FF2B5EF4-FFF2-40B4-BE49-F238E27FC236}">
                <a16:creationId xmlns:a16="http://schemas.microsoft.com/office/drawing/2014/main" id="{16291CE1-B2C4-98D8-184B-75931D3E34BE}"/>
              </a:ext>
            </a:extLst>
          </p:cNvPr>
          <p:cNvPicPr>
            <a:picLocks noChangeAspect="1"/>
          </p:cNvPicPr>
          <p:nvPr/>
        </p:nvPicPr>
        <p:blipFill>
          <a:blip r:embed="rId12"/>
          <a:stretch>
            <a:fillRect/>
          </a:stretch>
        </p:blipFill>
        <p:spPr>
          <a:xfrm>
            <a:off x="2528013" y="3923178"/>
            <a:ext cx="768456" cy="637145"/>
          </a:xfrm>
          <a:prstGeom prst="rect">
            <a:avLst/>
          </a:prstGeom>
        </p:spPr>
      </p:pic>
      <p:pic>
        <p:nvPicPr>
          <p:cNvPr id="116" name="Picture 115">
            <a:extLst>
              <a:ext uri="{FF2B5EF4-FFF2-40B4-BE49-F238E27FC236}">
                <a16:creationId xmlns:a16="http://schemas.microsoft.com/office/drawing/2014/main" id="{6AC98E1A-6D8E-C074-96CA-73F9614912E1}"/>
              </a:ext>
            </a:extLst>
          </p:cNvPr>
          <p:cNvPicPr>
            <a:picLocks noChangeAspect="1"/>
          </p:cNvPicPr>
          <p:nvPr/>
        </p:nvPicPr>
        <p:blipFill>
          <a:blip r:embed="rId12"/>
          <a:stretch>
            <a:fillRect/>
          </a:stretch>
        </p:blipFill>
        <p:spPr>
          <a:xfrm>
            <a:off x="4813396" y="3923178"/>
            <a:ext cx="768456" cy="637145"/>
          </a:xfrm>
          <a:prstGeom prst="rect">
            <a:avLst/>
          </a:prstGeom>
        </p:spPr>
      </p:pic>
      <p:sp>
        <p:nvSpPr>
          <p:cNvPr id="91" name="Rectangle: Rounded Corners 97">
            <a:extLst>
              <a:ext uri="{FF2B5EF4-FFF2-40B4-BE49-F238E27FC236}">
                <a16:creationId xmlns:a16="http://schemas.microsoft.com/office/drawing/2014/main" id="{C232CE1F-7F86-5984-98E2-ECEB0297281A}"/>
              </a:ext>
            </a:extLst>
          </p:cNvPr>
          <p:cNvSpPr/>
          <p:nvPr/>
        </p:nvSpPr>
        <p:spPr>
          <a:xfrm>
            <a:off x="3007155" y="2875651"/>
            <a:ext cx="2120554" cy="618010"/>
          </a:xfrm>
          <a:prstGeom prst="roundRect">
            <a:avLst/>
          </a:prstGeom>
          <a:solidFill>
            <a:schemeClr val="accent2"/>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dirty="0" err="1">
                <a:latin typeface="Rubik" pitchFamily="2" charset="-79"/>
                <a:cs typeface="Rubik" pitchFamily="2" charset="-79"/>
              </a:rPr>
              <a:t>Group</a:t>
            </a:r>
            <a:r>
              <a:rPr lang="es-ES" dirty="0">
                <a:latin typeface="Rubik" pitchFamily="2" charset="-79"/>
                <a:cs typeface="Rubik" pitchFamily="2" charset="-79"/>
              </a:rPr>
              <a:t> 1</a:t>
            </a:r>
          </a:p>
        </p:txBody>
      </p:sp>
      <p:sp>
        <p:nvSpPr>
          <p:cNvPr id="92" name="Rectangle: Rounded Corners 97">
            <a:extLst>
              <a:ext uri="{FF2B5EF4-FFF2-40B4-BE49-F238E27FC236}">
                <a16:creationId xmlns:a16="http://schemas.microsoft.com/office/drawing/2014/main" id="{C4A2DD88-3789-6ADC-5A68-D705B48AF217}"/>
              </a:ext>
            </a:extLst>
          </p:cNvPr>
          <p:cNvSpPr/>
          <p:nvPr/>
        </p:nvSpPr>
        <p:spPr>
          <a:xfrm>
            <a:off x="7066614" y="2896276"/>
            <a:ext cx="2120554" cy="626538"/>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dirty="0" err="1">
                <a:latin typeface="Rubik" pitchFamily="2" charset="-79"/>
                <a:cs typeface="Rubik" pitchFamily="2" charset="-79"/>
              </a:rPr>
              <a:t>Group</a:t>
            </a:r>
            <a:r>
              <a:rPr lang="es-ES" dirty="0">
                <a:latin typeface="Rubik" pitchFamily="2" charset="-79"/>
                <a:cs typeface="Rubik" pitchFamily="2" charset="-79"/>
              </a:rPr>
              <a:t> 2</a:t>
            </a:r>
          </a:p>
        </p:txBody>
      </p:sp>
      <p:sp>
        <p:nvSpPr>
          <p:cNvPr id="94" name="Rectangle: Rounded Corners 98">
            <a:extLst>
              <a:ext uri="{FF2B5EF4-FFF2-40B4-BE49-F238E27FC236}">
                <a16:creationId xmlns:a16="http://schemas.microsoft.com/office/drawing/2014/main" id="{A381A860-3D8C-FF8E-73C0-53CE99F75E62}"/>
              </a:ext>
            </a:extLst>
          </p:cNvPr>
          <p:cNvSpPr/>
          <p:nvPr/>
        </p:nvSpPr>
        <p:spPr>
          <a:xfrm>
            <a:off x="5021078" y="1537405"/>
            <a:ext cx="2147636" cy="638129"/>
          </a:xfrm>
          <a:prstGeom prst="roundRect">
            <a:avLst/>
          </a:prstGeom>
          <a:solidFill>
            <a:schemeClr val="tx2"/>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n-US" dirty="0">
                <a:latin typeface="Rubik" pitchFamily="2" charset="-79"/>
                <a:cs typeface="Rubik" pitchFamily="2" charset="-79"/>
              </a:rPr>
              <a:t>Group set</a:t>
            </a:r>
          </a:p>
        </p:txBody>
      </p:sp>
      <p:sp>
        <p:nvSpPr>
          <p:cNvPr id="112" name="Rectangle: Rounded Corners 99">
            <a:extLst>
              <a:ext uri="{FF2B5EF4-FFF2-40B4-BE49-F238E27FC236}">
                <a16:creationId xmlns:a16="http://schemas.microsoft.com/office/drawing/2014/main" id="{3DFC4B93-0B5C-FE9F-2EC8-B861AAE12C93}"/>
              </a:ext>
            </a:extLst>
          </p:cNvPr>
          <p:cNvSpPr/>
          <p:nvPr/>
        </p:nvSpPr>
        <p:spPr>
          <a:xfrm>
            <a:off x="2337338" y="3783646"/>
            <a:ext cx="3398220" cy="952665"/>
          </a:xfrm>
          <a:prstGeom prst="roundRect">
            <a:avLst>
              <a:gd name="adj" fmla="val 10159"/>
            </a:avLst>
          </a:prstGeom>
          <a:noFill/>
          <a:ln w="3810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3" name="Rectangle: Rounded Corners 99">
            <a:extLst>
              <a:ext uri="{FF2B5EF4-FFF2-40B4-BE49-F238E27FC236}">
                <a16:creationId xmlns:a16="http://schemas.microsoft.com/office/drawing/2014/main" id="{3DFC4B93-0B5C-FE9F-2EC8-B861AAE12C93}"/>
              </a:ext>
            </a:extLst>
          </p:cNvPr>
          <p:cNvSpPr/>
          <p:nvPr/>
        </p:nvSpPr>
        <p:spPr>
          <a:xfrm>
            <a:off x="6382127" y="3792413"/>
            <a:ext cx="3398220" cy="952665"/>
          </a:xfrm>
          <a:prstGeom prst="roundRect">
            <a:avLst>
              <a:gd name="adj" fmla="val 10159"/>
            </a:avLst>
          </a:prstGeom>
          <a:noFill/>
          <a:ln w="3810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28" name="Graphic 3" descr="Arrow: Counter-clockwise curve with solid fill">
            <a:extLst>
              <a:ext uri="{FF2B5EF4-FFF2-40B4-BE49-F238E27FC236}">
                <a16:creationId xmlns:a16="http://schemas.microsoft.com/office/drawing/2014/main" id="{52A49D4D-A651-8452-CB09-EA3774609975}"/>
              </a:ext>
            </a:extLst>
          </p:cNvPr>
          <p:cNvPicPr>
            <a:picLocks noChangeAspect="1"/>
          </p:cNvPicPr>
          <p:nvPr/>
        </p:nvPicPr>
        <p:blipFill>
          <a:blip r:embed="rId13" cstate="hqprint">
            <a:extLst>
              <a:ext uri="{28A0092B-C50C-407E-A947-70E740481C1C}">
                <a14:useLocalDpi xmlns:a14="http://schemas.microsoft.com/office/drawing/2010/main" val="0"/>
              </a:ext>
              <a:ext uri="{96DAC541-7B7A-43D3-8B79-37D633B846F1}">
                <asvg:svgBlip xmlns:asvg="http://schemas.microsoft.com/office/drawing/2016/SVG/main" r:embed="rId14"/>
              </a:ext>
            </a:extLst>
          </a:blip>
          <a:stretch>
            <a:fillRect/>
          </a:stretch>
        </p:blipFill>
        <p:spPr>
          <a:xfrm rot="20396401">
            <a:off x="7289896" y="1929888"/>
            <a:ext cx="914400" cy="914400"/>
          </a:xfrm>
          <a:prstGeom prst="rect">
            <a:avLst/>
          </a:prstGeom>
        </p:spPr>
      </p:pic>
      <p:pic>
        <p:nvPicPr>
          <p:cNvPr id="129" name="Graphic 5" descr="Arrow: Clockwise curve with solid fill">
            <a:extLst>
              <a:ext uri="{FF2B5EF4-FFF2-40B4-BE49-F238E27FC236}">
                <a16:creationId xmlns:a16="http://schemas.microsoft.com/office/drawing/2014/main" id="{398CE29F-CC04-8784-0D0A-4FDBF317FB5B}"/>
              </a:ext>
            </a:extLst>
          </p:cNvPr>
          <p:cNvPicPr>
            <a:picLocks noChangeAspect="1"/>
          </p:cNvPicPr>
          <p:nvPr/>
        </p:nvPicPr>
        <p:blipFill>
          <a:blip r:embed="rId15" cstate="hqprint">
            <a:extLst>
              <a:ext uri="{28A0092B-C50C-407E-A947-70E740481C1C}">
                <a14:useLocalDpi xmlns:a14="http://schemas.microsoft.com/office/drawing/2010/main" val="0"/>
              </a:ext>
              <a:ext uri="{96DAC541-7B7A-43D3-8B79-37D633B846F1}">
                <asvg:svgBlip xmlns:asvg="http://schemas.microsoft.com/office/drawing/2016/SVG/main" r:embed="rId16"/>
              </a:ext>
            </a:extLst>
          </a:blip>
          <a:stretch>
            <a:fillRect/>
          </a:stretch>
        </p:blipFill>
        <p:spPr>
          <a:xfrm rot="3884573">
            <a:off x="4037538" y="1887149"/>
            <a:ext cx="914400" cy="914400"/>
          </a:xfrm>
          <a:prstGeom prst="rect">
            <a:avLst/>
          </a:prstGeom>
        </p:spPr>
      </p:pic>
      <p:pic>
        <p:nvPicPr>
          <p:cNvPr id="65" name="Picture 64">
            <a:extLst>
              <a:ext uri="{FF2B5EF4-FFF2-40B4-BE49-F238E27FC236}">
                <a16:creationId xmlns:a16="http://schemas.microsoft.com/office/drawing/2014/main" id="{0A9C91F6-1412-3802-BA45-E626A2C01209}"/>
              </a:ext>
            </a:extLst>
          </p:cNvPr>
          <p:cNvPicPr>
            <a:picLocks noChangeAspect="1"/>
          </p:cNvPicPr>
          <p:nvPr/>
        </p:nvPicPr>
        <p:blipFill>
          <a:blip r:embed="rId12"/>
          <a:stretch>
            <a:fillRect/>
          </a:stretch>
        </p:blipFill>
        <p:spPr>
          <a:xfrm>
            <a:off x="3670704" y="3923178"/>
            <a:ext cx="768456" cy="637145"/>
          </a:xfrm>
          <a:prstGeom prst="rect">
            <a:avLst/>
          </a:prstGeom>
        </p:spPr>
      </p:pic>
      <p:grpSp>
        <p:nvGrpSpPr>
          <p:cNvPr id="66" name="Group 2">
            <a:extLst>
              <a:ext uri="{FF2B5EF4-FFF2-40B4-BE49-F238E27FC236}">
                <a16:creationId xmlns:a16="http://schemas.microsoft.com/office/drawing/2014/main" id="{DE9DDC18-2434-2231-0060-A12448825BC5}"/>
              </a:ext>
            </a:extLst>
          </p:cNvPr>
          <p:cNvGrpSpPr/>
          <p:nvPr/>
        </p:nvGrpSpPr>
        <p:grpSpPr>
          <a:xfrm>
            <a:off x="6744752" y="3973987"/>
            <a:ext cx="768456" cy="627555"/>
            <a:chOff x="1227099" y="2167452"/>
            <a:chExt cx="9723121" cy="7857083"/>
          </a:xfrm>
          <a:noFill/>
        </p:grpSpPr>
        <p:sp>
          <p:nvSpPr>
            <p:cNvPr id="67" name="Free Form 3">
              <a:extLst>
                <a:ext uri="{FF2B5EF4-FFF2-40B4-BE49-F238E27FC236}">
                  <a16:creationId xmlns:a16="http://schemas.microsoft.com/office/drawing/2014/main" id="{989077F7-2B8C-F57D-9A5E-150A9F93194C}"/>
                </a:ext>
              </a:extLst>
            </p:cNvPr>
            <p:cNvSpPr/>
            <p:nvPr/>
          </p:nvSpPr>
          <p:spPr>
            <a:xfrm>
              <a:off x="1645907" y="2167452"/>
              <a:ext cx="8818876" cy="7854804"/>
            </a:xfrm>
            <a:custGeom>
              <a:avLst/>
              <a:gdLst/>
              <a:ahLst/>
              <a:cxnLst/>
              <a:rect l="0" t="0" r="0" b="0"/>
              <a:pathLst>
                <a:path w="8818880" h="7854808">
                  <a:moveTo>
                    <a:pt x="8711635" y="3025422"/>
                  </a:moveTo>
                  <a:lnTo>
                    <a:pt x="6856871" y="3025422"/>
                  </a:lnTo>
                  <a:cubicBezTo>
                    <a:pt x="6797040" y="3025422"/>
                    <a:pt x="6749626" y="2976880"/>
                    <a:pt x="6749626" y="2918177"/>
                  </a:cubicBezTo>
                  <a:lnTo>
                    <a:pt x="6749626" y="107244"/>
                  </a:lnTo>
                  <a:cubicBezTo>
                    <a:pt x="6749626" y="47413"/>
                    <a:pt x="6701084" y="0"/>
                    <a:pt x="6642382" y="0"/>
                  </a:cubicBezTo>
                  <a:lnTo>
                    <a:pt x="6635608" y="0"/>
                  </a:lnTo>
                  <a:lnTo>
                    <a:pt x="2184400" y="0"/>
                  </a:lnTo>
                  <a:lnTo>
                    <a:pt x="2177626" y="0"/>
                  </a:lnTo>
                  <a:cubicBezTo>
                    <a:pt x="2117795" y="0"/>
                    <a:pt x="2070382" y="48542"/>
                    <a:pt x="2070382" y="107244"/>
                  </a:cubicBezTo>
                  <a:lnTo>
                    <a:pt x="2070382" y="2918177"/>
                  </a:lnTo>
                  <a:cubicBezTo>
                    <a:pt x="2070382" y="2978008"/>
                    <a:pt x="2021840" y="3025422"/>
                    <a:pt x="1963137" y="3025422"/>
                  </a:cubicBezTo>
                  <a:lnTo>
                    <a:pt x="107244" y="3025422"/>
                  </a:lnTo>
                  <a:cubicBezTo>
                    <a:pt x="47413" y="3025422"/>
                    <a:pt x="0" y="3073964"/>
                    <a:pt x="0" y="3132666"/>
                  </a:cubicBezTo>
                  <a:lnTo>
                    <a:pt x="0" y="7747564"/>
                  </a:lnTo>
                  <a:cubicBezTo>
                    <a:pt x="0" y="7807395"/>
                    <a:pt x="48542" y="7854808"/>
                    <a:pt x="107244" y="7854808"/>
                  </a:cubicBezTo>
                  <a:lnTo>
                    <a:pt x="2184400" y="7854808"/>
                  </a:lnTo>
                  <a:lnTo>
                    <a:pt x="6633351" y="7854808"/>
                  </a:lnTo>
                  <a:lnTo>
                    <a:pt x="8710506" y="7854808"/>
                  </a:lnTo>
                  <a:cubicBezTo>
                    <a:pt x="8770337" y="7854808"/>
                    <a:pt x="8817751" y="7806266"/>
                    <a:pt x="8817751" y="7747564"/>
                  </a:cubicBezTo>
                  <a:lnTo>
                    <a:pt x="8817751" y="3133795"/>
                  </a:lnTo>
                  <a:cubicBezTo>
                    <a:pt x="8818880" y="3073964"/>
                    <a:pt x="8770337" y="3025422"/>
                    <a:pt x="8711635" y="3025422"/>
                  </a:cubicBezTo>
                  <a:close/>
                </a:path>
              </a:pathLst>
            </a:custGeom>
            <a:solidFill>
              <a:srgbClr val="083370">
                <a:alpha val="100000"/>
              </a:srgbClr>
            </a:solidFill>
            <a:ln w="0" cap="flat" cmpd="sng">
              <a:noFill/>
              <a:prstDash val="solid"/>
              <a:miter lim="800000"/>
            </a:ln>
          </p:spPr>
          <p:txBody>
            <a:bodyPr anchor="ctr">
              <a:spAutoFit/>
            </a:bodyPr>
            <a:lstStyle/>
            <a:p>
              <a:pPr algn="ctr"/>
              <a:endParaRPr lang="en-US"/>
            </a:p>
          </p:txBody>
        </p:sp>
        <p:sp>
          <p:nvSpPr>
            <p:cNvPr id="68" name="Free Form 4">
              <a:extLst>
                <a:ext uri="{FF2B5EF4-FFF2-40B4-BE49-F238E27FC236}">
                  <a16:creationId xmlns:a16="http://schemas.microsoft.com/office/drawing/2014/main" id="{91501C71-CE3D-CBD1-862A-1D08BEC5591D}"/>
                </a:ext>
              </a:extLst>
            </p:cNvPr>
            <p:cNvSpPr/>
            <p:nvPr/>
          </p:nvSpPr>
          <p:spPr>
            <a:xfrm>
              <a:off x="5235788" y="3535677"/>
              <a:ext cx="1693334" cy="1693334"/>
            </a:xfrm>
            <a:custGeom>
              <a:avLst/>
              <a:gdLst/>
              <a:ahLst/>
              <a:cxnLst/>
              <a:rect l="0" t="0" r="0" b="0"/>
              <a:pathLst>
                <a:path w="1693333" h="1693333">
                  <a:moveTo>
                    <a:pt x="1663982" y="570088"/>
                  </a:moveTo>
                  <a:lnTo>
                    <a:pt x="1152595" y="570088"/>
                  </a:lnTo>
                  <a:cubicBezTo>
                    <a:pt x="1136791" y="570088"/>
                    <a:pt x="1123244" y="556542"/>
                    <a:pt x="1123244" y="540737"/>
                  </a:cubicBezTo>
                  <a:lnTo>
                    <a:pt x="1123244" y="29351"/>
                  </a:lnTo>
                  <a:cubicBezTo>
                    <a:pt x="1123244" y="13546"/>
                    <a:pt x="1109686" y="0"/>
                    <a:pt x="1093893" y="0"/>
                  </a:cubicBezTo>
                  <a:lnTo>
                    <a:pt x="599440" y="0"/>
                  </a:lnTo>
                  <a:cubicBezTo>
                    <a:pt x="583635" y="0"/>
                    <a:pt x="570088" y="13546"/>
                    <a:pt x="570088" y="29351"/>
                  </a:cubicBezTo>
                  <a:lnTo>
                    <a:pt x="570088" y="540737"/>
                  </a:lnTo>
                  <a:cubicBezTo>
                    <a:pt x="570088" y="556542"/>
                    <a:pt x="556542" y="570088"/>
                    <a:pt x="540737" y="570088"/>
                  </a:cubicBezTo>
                  <a:lnTo>
                    <a:pt x="29351" y="570088"/>
                  </a:lnTo>
                  <a:cubicBezTo>
                    <a:pt x="13546" y="570088"/>
                    <a:pt x="0" y="583635"/>
                    <a:pt x="0" y="599440"/>
                  </a:cubicBezTo>
                  <a:lnTo>
                    <a:pt x="0" y="1093893"/>
                  </a:lnTo>
                  <a:cubicBezTo>
                    <a:pt x="0" y="1109697"/>
                    <a:pt x="13546" y="1123244"/>
                    <a:pt x="29351" y="1123244"/>
                  </a:cubicBezTo>
                  <a:lnTo>
                    <a:pt x="540737" y="1123244"/>
                  </a:lnTo>
                  <a:cubicBezTo>
                    <a:pt x="556542" y="1123244"/>
                    <a:pt x="570088" y="1136791"/>
                    <a:pt x="570088" y="1152595"/>
                  </a:cubicBezTo>
                  <a:lnTo>
                    <a:pt x="570088" y="1663982"/>
                  </a:lnTo>
                  <a:cubicBezTo>
                    <a:pt x="570088" y="1679786"/>
                    <a:pt x="583635" y="1693333"/>
                    <a:pt x="599440" y="1693333"/>
                  </a:cubicBezTo>
                  <a:lnTo>
                    <a:pt x="1093893" y="1693333"/>
                  </a:lnTo>
                  <a:cubicBezTo>
                    <a:pt x="1109686" y="1693333"/>
                    <a:pt x="1123244" y="1679786"/>
                    <a:pt x="1123244" y="1663982"/>
                  </a:cubicBezTo>
                  <a:lnTo>
                    <a:pt x="1123244" y="1152595"/>
                  </a:lnTo>
                  <a:cubicBezTo>
                    <a:pt x="1123244" y="1136791"/>
                    <a:pt x="1136791" y="1123244"/>
                    <a:pt x="1152595" y="1123244"/>
                  </a:cubicBezTo>
                  <a:lnTo>
                    <a:pt x="1663982" y="1123244"/>
                  </a:lnTo>
                  <a:cubicBezTo>
                    <a:pt x="1679775" y="1123244"/>
                    <a:pt x="1693333" y="1109697"/>
                    <a:pt x="1693333" y="1093893"/>
                  </a:cubicBezTo>
                  <a:lnTo>
                    <a:pt x="1693333" y="599440"/>
                  </a:lnTo>
                  <a:cubicBezTo>
                    <a:pt x="1693333" y="583635"/>
                    <a:pt x="1679775" y="570088"/>
                    <a:pt x="1663982" y="570088"/>
                  </a:cubicBezTo>
                  <a:close/>
                </a:path>
              </a:pathLst>
            </a:custGeom>
            <a:solidFill>
              <a:srgbClr val="FF8F02">
                <a:alpha val="100000"/>
              </a:srgbClr>
            </a:solidFill>
            <a:ln w="0" cap="flat" cmpd="sng">
              <a:noFill/>
              <a:prstDash val="solid"/>
              <a:miter lim="800000"/>
            </a:ln>
          </p:spPr>
          <p:txBody>
            <a:bodyPr anchor="ctr">
              <a:spAutoFit/>
            </a:bodyPr>
            <a:lstStyle/>
            <a:p>
              <a:pPr algn="ctr"/>
              <a:endParaRPr lang="en-US"/>
            </a:p>
          </p:txBody>
        </p:sp>
        <p:sp>
          <p:nvSpPr>
            <p:cNvPr id="70" name="Free Form 5">
              <a:extLst>
                <a:ext uri="{FF2B5EF4-FFF2-40B4-BE49-F238E27FC236}">
                  <a16:creationId xmlns:a16="http://schemas.microsoft.com/office/drawing/2014/main" id="{8624BED9-F052-5751-D63F-AD3AA40382EE}"/>
                </a:ext>
              </a:extLst>
            </p:cNvPr>
            <p:cNvSpPr/>
            <p:nvPr/>
          </p:nvSpPr>
          <p:spPr>
            <a:xfrm>
              <a:off x="5528168" y="7765624"/>
              <a:ext cx="1107440" cy="2248747"/>
            </a:xfrm>
            <a:custGeom>
              <a:avLst/>
              <a:gdLst/>
              <a:ahLst/>
              <a:cxnLst/>
              <a:rect l="0" t="0" r="0" b="0"/>
              <a:pathLst>
                <a:path w="1107440" h="2248746">
                  <a:moveTo>
                    <a:pt x="1070186" y="2248746"/>
                  </a:moveTo>
                  <a:lnTo>
                    <a:pt x="36124" y="2248746"/>
                  </a:lnTo>
                  <a:cubicBezTo>
                    <a:pt x="15804" y="2248746"/>
                    <a:pt x="0" y="2231813"/>
                    <a:pt x="0" y="2212622"/>
                  </a:cubicBezTo>
                  <a:lnTo>
                    <a:pt x="0" y="36124"/>
                  </a:lnTo>
                  <a:cubicBezTo>
                    <a:pt x="0" y="15804"/>
                    <a:pt x="16933" y="0"/>
                    <a:pt x="36124" y="0"/>
                  </a:cubicBezTo>
                  <a:lnTo>
                    <a:pt x="1070186" y="0"/>
                  </a:lnTo>
                  <a:cubicBezTo>
                    <a:pt x="1090506" y="0"/>
                    <a:pt x="1106311" y="16933"/>
                    <a:pt x="1106311" y="36124"/>
                  </a:cubicBezTo>
                  <a:lnTo>
                    <a:pt x="1106311" y="2211493"/>
                  </a:lnTo>
                  <a:cubicBezTo>
                    <a:pt x="1107440" y="2231813"/>
                    <a:pt x="1090506" y="2248746"/>
                    <a:pt x="1070186" y="2248746"/>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71" name="Free Form 6">
              <a:extLst>
                <a:ext uri="{FF2B5EF4-FFF2-40B4-BE49-F238E27FC236}">
                  <a16:creationId xmlns:a16="http://schemas.microsoft.com/office/drawing/2014/main" id="{8CCAD52B-068F-F908-C611-0BCDB52E1465}"/>
                </a:ext>
              </a:extLst>
            </p:cNvPr>
            <p:cNvSpPr/>
            <p:nvPr/>
          </p:nvSpPr>
          <p:spPr>
            <a:xfrm>
              <a:off x="9010791" y="6667209"/>
              <a:ext cx="682977" cy="554296"/>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73" name="Free Form 7">
              <a:extLst>
                <a:ext uri="{FF2B5EF4-FFF2-40B4-BE49-F238E27FC236}">
                  <a16:creationId xmlns:a16="http://schemas.microsoft.com/office/drawing/2014/main" id="{451F4A16-7905-13BF-E823-4173BA327FAB}"/>
                </a:ext>
              </a:extLst>
            </p:cNvPr>
            <p:cNvSpPr/>
            <p:nvPr/>
          </p:nvSpPr>
          <p:spPr>
            <a:xfrm>
              <a:off x="9010791" y="7473242"/>
              <a:ext cx="682977" cy="554284"/>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74" name="Free Form 8">
              <a:extLst>
                <a:ext uri="{FF2B5EF4-FFF2-40B4-BE49-F238E27FC236}">
                  <a16:creationId xmlns:a16="http://schemas.microsoft.com/office/drawing/2014/main" id="{EF4419C8-CC6F-AD9D-D6C5-3856ED65B3E1}"/>
                </a:ext>
              </a:extLst>
            </p:cNvPr>
            <p:cNvSpPr/>
            <p:nvPr/>
          </p:nvSpPr>
          <p:spPr>
            <a:xfrm>
              <a:off x="8061388" y="6667209"/>
              <a:ext cx="682978" cy="554296"/>
            </a:xfrm>
            <a:custGeom>
              <a:avLst/>
              <a:gdLst/>
              <a:ahLst/>
              <a:cxnLst/>
              <a:rect l="0" t="0" r="0" b="0"/>
              <a:pathLst>
                <a:path w="682977" h="554295">
                  <a:moveTo>
                    <a:pt x="646864" y="554295"/>
                  </a:moveTo>
                  <a:lnTo>
                    <a:pt x="36124" y="554295"/>
                  </a:lnTo>
                  <a:cubicBezTo>
                    <a:pt x="16933" y="554295"/>
                    <a:pt x="0" y="538491"/>
                    <a:pt x="0" y="518171"/>
                  </a:cubicBezTo>
                  <a:lnTo>
                    <a:pt x="0" y="36135"/>
                  </a:lnTo>
                  <a:cubicBezTo>
                    <a:pt x="0" y="16933"/>
                    <a:pt x="15815" y="0"/>
                    <a:pt x="36124" y="0"/>
                  </a:cubicBezTo>
                  <a:lnTo>
                    <a:pt x="646864" y="0"/>
                  </a:lnTo>
                  <a:cubicBezTo>
                    <a:pt x="666044" y="0"/>
                    <a:pt x="682977" y="15815"/>
                    <a:pt x="682977" y="36135"/>
                  </a:cubicBezTo>
                  <a:lnTo>
                    <a:pt x="682977" y="518171"/>
                  </a:lnTo>
                  <a:cubicBezTo>
                    <a:pt x="682977" y="538491"/>
                    <a:pt x="667184" y="554295"/>
                    <a:pt x="646864"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75" name="Free Form 9">
              <a:extLst>
                <a:ext uri="{FF2B5EF4-FFF2-40B4-BE49-F238E27FC236}">
                  <a16:creationId xmlns:a16="http://schemas.microsoft.com/office/drawing/2014/main" id="{1841BE39-B451-FD45-E39B-75DFFA3ADF54}"/>
                </a:ext>
              </a:extLst>
            </p:cNvPr>
            <p:cNvSpPr/>
            <p:nvPr/>
          </p:nvSpPr>
          <p:spPr>
            <a:xfrm>
              <a:off x="8061388" y="7473242"/>
              <a:ext cx="682978" cy="554284"/>
            </a:xfrm>
            <a:custGeom>
              <a:avLst/>
              <a:gdLst/>
              <a:ahLst/>
              <a:cxnLst/>
              <a:rect l="0" t="0" r="0" b="0"/>
              <a:pathLst>
                <a:path w="682977" h="554284">
                  <a:moveTo>
                    <a:pt x="646864" y="554284"/>
                  </a:moveTo>
                  <a:lnTo>
                    <a:pt x="36124" y="554284"/>
                  </a:lnTo>
                  <a:cubicBezTo>
                    <a:pt x="16933" y="554284"/>
                    <a:pt x="0" y="538491"/>
                    <a:pt x="0" y="518160"/>
                  </a:cubicBezTo>
                  <a:lnTo>
                    <a:pt x="0" y="36135"/>
                  </a:lnTo>
                  <a:cubicBezTo>
                    <a:pt x="0" y="16933"/>
                    <a:pt x="15815" y="0"/>
                    <a:pt x="36124" y="0"/>
                  </a:cubicBezTo>
                  <a:lnTo>
                    <a:pt x="646864" y="0"/>
                  </a:lnTo>
                  <a:cubicBezTo>
                    <a:pt x="666044" y="0"/>
                    <a:pt x="682977" y="15804"/>
                    <a:pt x="682977" y="36135"/>
                  </a:cubicBezTo>
                  <a:lnTo>
                    <a:pt x="682977" y="519288"/>
                  </a:lnTo>
                  <a:cubicBezTo>
                    <a:pt x="682977" y="538491"/>
                    <a:pt x="667184" y="554284"/>
                    <a:pt x="646864"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80" name="Free Form 10">
              <a:extLst>
                <a:ext uri="{FF2B5EF4-FFF2-40B4-BE49-F238E27FC236}">
                  <a16:creationId xmlns:a16="http://schemas.microsoft.com/office/drawing/2014/main" id="{FAF86733-9C4A-3A2B-F1A6-64C6CE1DBFC1}"/>
                </a:ext>
              </a:extLst>
            </p:cNvPr>
            <p:cNvSpPr/>
            <p:nvPr/>
          </p:nvSpPr>
          <p:spPr>
            <a:xfrm>
              <a:off x="3321191" y="6667209"/>
              <a:ext cx="682977" cy="554296"/>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89" name="Free Form 11">
              <a:extLst>
                <a:ext uri="{FF2B5EF4-FFF2-40B4-BE49-F238E27FC236}">
                  <a16:creationId xmlns:a16="http://schemas.microsoft.com/office/drawing/2014/main" id="{1C7B94AF-3F97-115D-7AE4-0D008D643CBA}"/>
                </a:ext>
              </a:extLst>
            </p:cNvPr>
            <p:cNvSpPr/>
            <p:nvPr/>
          </p:nvSpPr>
          <p:spPr>
            <a:xfrm>
              <a:off x="3321191" y="7473242"/>
              <a:ext cx="682977" cy="554284"/>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90" name="Free Form 12">
              <a:extLst>
                <a:ext uri="{FF2B5EF4-FFF2-40B4-BE49-F238E27FC236}">
                  <a16:creationId xmlns:a16="http://schemas.microsoft.com/office/drawing/2014/main" id="{DFDF3A13-5F33-A8CB-8A23-6E75A60658BF}"/>
                </a:ext>
              </a:extLst>
            </p:cNvPr>
            <p:cNvSpPr/>
            <p:nvPr/>
          </p:nvSpPr>
          <p:spPr>
            <a:xfrm>
              <a:off x="2371794" y="6667209"/>
              <a:ext cx="682978" cy="554296"/>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2977" y="538491"/>
                    <a:pt x="667173"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93" name="Free Form 13">
              <a:extLst>
                <a:ext uri="{FF2B5EF4-FFF2-40B4-BE49-F238E27FC236}">
                  <a16:creationId xmlns:a16="http://schemas.microsoft.com/office/drawing/2014/main" id="{69B0D2B8-905B-FC60-6B48-271F398D644E}"/>
                </a:ext>
              </a:extLst>
            </p:cNvPr>
            <p:cNvSpPr/>
            <p:nvPr/>
          </p:nvSpPr>
          <p:spPr>
            <a:xfrm>
              <a:off x="2371794" y="7473242"/>
              <a:ext cx="682978" cy="554284"/>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2977" y="538491"/>
                    <a:pt x="667173"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95" name="Free Form 14">
              <a:extLst>
                <a:ext uri="{FF2B5EF4-FFF2-40B4-BE49-F238E27FC236}">
                  <a16:creationId xmlns:a16="http://schemas.microsoft.com/office/drawing/2014/main" id="{A667E5FD-6010-0766-54D7-6E0A1F352CF0}"/>
                </a:ext>
              </a:extLst>
            </p:cNvPr>
            <p:cNvSpPr/>
            <p:nvPr/>
          </p:nvSpPr>
          <p:spPr>
            <a:xfrm>
              <a:off x="1227099" y="9595557"/>
              <a:ext cx="9723121" cy="428978"/>
            </a:xfrm>
            <a:custGeom>
              <a:avLst/>
              <a:gdLst/>
              <a:ahLst/>
              <a:cxnLst/>
              <a:rect l="0" t="0" r="0" b="0"/>
              <a:pathLst>
                <a:path w="9723120" h="428977">
                  <a:moveTo>
                    <a:pt x="9675706" y="428977"/>
                  </a:moveTo>
                  <a:lnTo>
                    <a:pt x="25964" y="428977"/>
                  </a:lnTo>
                  <a:cubicBezTo>
                    <a:pt x="0" y="428977"/>
                    <a:pt x="25964" y="407528"/>
                    <a:pt x="25964" y="381564"/>
                  </a:cubicBezTo>
                  <a:lnTo>
                    <a:pt x="25964" y="47413"/>
                  </a:lnTo>
                  <a:cubicBezTo>
                    <a:pt x="25964" y="21437"/>
                    <a:pt x="0" y="0"/>
                    <a:pt x="25964" y="0"/>
                  </a:cubicBezTo>
                  <a:lnTo>
                    <a:pt x="9675706" y="0"/>
                  </a:lnTo>
                  <a:cubicBezTo>
                    <a:pt x="9701671" y="0"/>
                    <a:pt x="9723120" y="21437"/>
                    <a:pt x="9723120" y="47413"/>
                  </a:cubicBezTo>
                  <a:lnTo>
                    <a:pt x="9723120" y="381564"/>
                  </a:lnTo>
                  <a:cubicBezTo>
                    <a:pt x="9723120" y="407528"/>
                    <a:pt x="9701671" y="428977"/>
                    <a:pt x="9675706" y="428977"/>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grpSp>
      <p:grpSp>
        <p:nvGrpSpPr>
          <p:cNvPr id="96" name="Group 2">
            <a:extLst>
              <a:ext uri="{FF2B5EF4-FFF2-40B4-BE49-F238E27FC236}">
                <a16:creationId xmlns:a16="http://schemas.microsoft.com/office/drawing/2014/main" id="{AB073EFE-C653-5091-FC43-E4D2B96F7C49}"/>
              </a:ext>
            </a:extLst>
          </p:cNvPr>
          <p:cNvGrpSpPr/>
          <p:nvPr/>
        </p:nvGrpSpPr>
        <p:grpSpPr>
          <a:xfrm>
            <a:off x="8772104" y="3973987"/>
            <a:ext cx="768456" cy="627555"/>
            <a:chOff x="1227099" y="2167452"/>
            <a:chExt cx="9723121" cy="7857083"/>
          </a:xfrm>
          <a:noFill/>
        </p:grpSpPr>
        <p:sp>
          <p:nvSpPr>
            <p:cNvPr id="97" name="Free Form 3">
              <a:extLst>
                <a:ext uri="{FF2B5EF4-FFF2-40B4-BE49-F238E27FC236}">
                  <a16:creationId xmlns:a16="http://schemas.microsoft.com/office/drawing/2014/main" id="{3040D56A-6817-69CE-7752-BA8D6294987D}"/>
                </a:ext>
              </a:extLst>
            </p:cNvPr>
            <p:cNvSpPr/>
            <p:nvPr/>
          </p:nvSpPr>
          <p:spPr>
            <a:xfrm>
              <a:off x="1645907" y="2167452"/>
              <a:ext cx="8818876" cy="7854804"/>
            </a:xfrm>
            <a:custGeom>
              <a:avLst/>
              <a:gdLst/>
              <a:ahLst/>
              <a:cxnLst/>
              <a:rect l="0" t="0" r="0" b="0"/>
              <a:pathLst>
                <a:path w="8818880" h="7854808">
                  <a:moveTo>
                    <a:pt x="8711635" y="3025422"/>
                  </a:moveTo>
                  <a:lnTo>
                    <a:pt x="6856871" y="3025422"/>
                  </a:lnTo>
                  <a:cubicBezTo>
                    <a:pt x="6797040" y="3025422"/>
                    <a:pt x="6749626" y="2976880"/>
                    <a:pt x="6749626" y="2918177"/>
                  </a:cubicBezTo>
                  <a:lnTo>
                    <a:pt x="6749626" y="107244"/>
                  </a:lnTo>
                  <a:cubicBezTo>
                    <a:pt x="6749626" y="47413"/>
                    <a:pt x="6701084" y="0"/>
                    <a:pt x="6642382" y="0"/>
                  </a:cubicBezTo>
                  <a:lnTo>
                    <a:pt x="6635608" y="0"/>
                  </a:lnTo>
                  <a:lnTo>
                    <a:pt x="2184400" y="0"/>
                  </a:lnTo>
                  <a:lnTo>
                    <a:pt x="2177626" y="0"/>
                  </a:lnTo>
                  <a:cubicBezTo>
                    <a:pt x="2117795" y="0"/>
                    <a:pt x="2070382" y="48542"/>
                    <a:pt x="2070382" y="107244"/>
                  </a:cubicBezTo>
                  <a:lnTo>
                    <a:pt x="2070382" y="2918177"/>
                  </a:lnTo>
                  <a:cubicBezTo>
                    <a:pt x="2070382" y="2978008"/>
                    <a:pt x="2021840" y="3025422"/>
                    <a:pt x="1963137" y="3025422"/>
                  </a:cubicBezTo>
                  <a:lnTo>
                    <a:pt x="107244" y="3025422"/>
                  </a:lnTo>
                  <a:cubicBezTo>
                    <a:pt x="47413" y="3025422"/>
                    <a:pt x="0" y="3073964"/>
                    <a:pt x="0" y="3132666"/>
                  </a:cubicBezTo>
                  <a:lnTo>
                    <a:pt x="0" y="7747564"/>
                  </a:lnTo>
                  <a:cubicBezTo>
                    <a:pt x="0" y="7807395"/>
                    <a:pt x="48542" y="7854808"/>
                    <a:pt x="107244" y="7854808"/>
                  </a:cubicBezTo>
                  <a:lnTo>
                    <a:pt x="2184400" y="7854808"/>
                  </a:lnTo>
                  <a:lnTo>
                    <a:pt x="6633351" y="7854808"/>
                  </a:lnTo>
                  <a:lnTo>
                    <a:pt x="8710506" y="7854808"/>
                  </a:lnTo>
                  <a:cubicBezTo>
                    <a:pt x="8770337" y="7854808"/>
                    <a:pt x="8817751" y="7806266"/>
                    <a:pt x="8817751" y="7747564"/>
                  </a:cubicBezTo>
                  <a:lnTo>
                    <a:pt x="8817751" y="3133795"/>
                  </a:lnTo>
                  <a:cubicBezTo>
                    <a:pt x="8818880" y="3073964"/>
                    <a:pt x="8770337" y="3025422"/>
                    <a:pt x="8711635" y="3025422"/>
                  </a:cubicBezTo>
                  <a:close/>
                </a:path>
              </a:pathLst>
            </a:custGeom>
            <a:solidFill>
              <a:srgbClr val="083370">
                <a:alpha val="100000"/>
              </a:srgbClr>
            </a:solidFill>
            <a:ln w="0" cap="flat" cmpd="sng">
              <a:noFill/>
              <a:prstDash val="solid"/>
              <a:miter lim="800000"/>
            </a:ln>
          </p:spPr>
          <p:txBody>
            <a:bodyPr anchor="ctr">
              <a:spAutoFit/>
            </a:bodyPr>
            <a:lstStyle/>
            <a:p>
              <a:pPr algn="ctr"/>
              <a:endParaRPr lang="en-US"/>
            </a:p>
          </p:txBody>
        </p:sp>
        <p:sp>
          <p:nvSpPr>
            <p:cNvPr id="98" name="Free Form 4">
              <a:extLst>
                <a:ext uri="{FF2B5EF4-FFF2-40B4-BE49-F238E27FC236}">
                  <a16:creationId xmlns:a16="http://schemas.microsoft.com/office/drawing/2014/main" id="{B9E3A076-C268-DF53-3AF9-D85A56BE8B3C}"/>
                </a:ext>
              </a:extLst>
            </p:cNvPr>
            <p:cNvSpPr/>
            <p:nvPr/>
          </p:nvSpPr>
          <p:spPr>
            <a:xfrm>
              <a:off x="5235788" y="3535677"/>
              <a:ext cx="1693334" cy="1693334"/>
            </a:xfrm>
            <a:custGeom>
              <a:avLst/>
              <a:gdLst/>
              <a:ahLst/>
              <a:cxnLst/>
              <a:rect l="0" t="0" r="0" b="0"/>
              <a:pathLst>
                <a:path w="1693333" h="1693333">
                  <a:moveTo>
                    <a:pt x="1663982" y="570088"/>
                  </a:moveTo>
                  <a:lnTo>
                    <a:pt x="1152595" y="570088"/>
                  </a:lnTo>
                  <a:cubicBezTo>
                    <a:pt x="1136791" y="570088"/>
                    <a:pt x="1123244" y="556542"/>
                    <a:pt x="1123244" y="540737"/>
                  </a:cubicBezTo>
                  <a:lnTo>
                    <a:pt x="1123244" y="29351"/>
                  </a:lnTo>
                  <a:cubicBezTo>
                    <a:pt x="1123244" y="13546"/>
                    <a:pt x="1109686" y="0"/>
                    <a:pt x="1093893" y="0"/>
                  </a:cubicBezTo>
                  <a:lnTo>
                    <a:pt x="599440" y="0"/>
                  </a:lnTo>
                  <a:cubicBezTo>
                    <a:pt x="583635" y="0"/>
                    <a:pt x="570088" y="13546"/>
                    <a:pt x="570088" y="29351"/>
                  </a:cubicBezTo>
                  <a:lnTo>
                    <a:pt x="570088" y="540737"/>
                  </a:lnTo>
                  <a:cubicBezTo>
                    <a:pt x="570088" y="556542"/>
                    <a:pt x="556542" y="570088"/>
                    <a:pt x="540737" y="570088"/>
                  </a:cubicBezTo>
                  <a:lnTo>
                    <a:pt x="29351" y="570088"/>
                  </a:lnTo>
                  <a:cubicBezTo>
                    <a:pt x="13546" y="570088"/>
                    <a:pt x="0" y="583635"/>
                    <a:pt x="0" y="599440"/>
                  </a:cubicBezTo>
                  <a:lnTo>
                    <a:pt x="0" y="1093893"/>
                  </a:lnTo>
                  <a:cubicBezTo>
                    <a:pt x="0" y="1109697"/>
                    <a:pt x="13546" y="1123244"/>
                    <a:pt x="29351" y="1123244"/>
                  </a:cubicBezTo>
                  <a:lnTo>
                    <a:pt x="540737" y="1123244"/>
                  </a:lnTo>
                  <a:cubicBezTo>
                    <a:pt x="556542" y="1123244"/>
                    <a:pt x="570088" y="1136791"/>
                    <a:pt x="570088" y="1152595"/>
                  </a:cubicBezTo>
                  <a:lnTo>
                    <a:pt x="570088" y="1663982"/>
                  </a:lnTo>
                  <a:cubicBezTo>
                    <a:pt x="570088" y="1679786"/>
                    <a:pt x="583635" y="1693333"/>
                    <a:pt x="599440" y="1693333"/>
                  </a:cubicBezTo>
                  <a:lnTo>
                    <a:pt x="1093893" y="1693333"/>
                  </a:lnTo>
                  <a:cubicBezTo>
                    <a:pt x="1109686" y="1693333"/>
                    <a:pt x="1123244" y="1679786"/>
                    <a:pt x="1123244" y="1663982"/>
                  </a:cubicBezTo>
                  <a:lnTo>
                    <a:pt x="1123244" y="1152595"/>
                  </a:lnTo>
                  <a:cubicBezTo>
                    <a:pt x="1123244" y="1136791"/>
                    <a:pt x="1136791" y="1123244"/>
                    <a:pt x="1152595" y="1123244"/>
                  </a:cubicBezTo>
                  <a:lnTo>
                    <a:pt x="1663982" y="1123244"/>
                  </a:lnTo>
                  <a:cubicBezTo>
                    <a:pt x="1679775" y="1123244"/>
                    <a:pt x="1693333" y="1109697"/>
                    <a:pt x="1693333" y="1093893"/>
                  </a:cubicBezTo>
                  <a:lnTo>
                    <a:pt x="1693333" y="599440"/>
                  </a:lnTo>
                  <a:cubicBezTo>
                    <a:pt x="1693333" y="583635"/>
                    <a:pt x="1679775" y="570088"/>
                    <a:pt x="1663982" y="570088"/>
                  </a:cubicBezTo>
                  <a:close/>
                </a:path>
              </a:pathLst>
            </a:custGeom>
            <a:solidFill>
              <a:srgbClr val="FF8F02">
                <a:alpha val="100000"/>
              </a:srgbClr>
            </a:solidFill>
            <a:ln w="0" cap="flat" cmpd="sng">
              <a:noFill/>
              <a:prstDash val="solid"/>
              <a:miter lim="800000"/>
            </a:ln>
          </p:spPr>
          <p:txBody>
            <a:bodyPr anchor="ctr">
              <a:spAutoFit/>
            </a:bodyPr>
            <a:lstStyle/>
            <a:p>
              <a:pPr algn="ctr"/>
              <a:endParaRPr lang="en-US"/>
            </a:p>
          </p:txBody>
        </p:sp>
        <p:sp>
          <p:nvSpPr>
            <p:cNvPr id="99" name="Free Form 5">
              <a:extLst>
                <a:ext uri="{FF2B5EF4-FFF2-40B4-BE49-F238E27FC236}">
                  <a16:creationId xmlns:a16="http://schemas.microsoft.com/office/drawing/2014/main" id="{7F681D24-EF05-8414-D5F0-514E4157446F}"/>
                </a:ext>
              </a:extLst>
            </p:cNvPr>
            <p:cNvSpPr/>
            <p:nvPr/>
          </p:nvSpPr>
          <p:spPr>
            <a:xfrm>
              <a:off x="5528168" y="7765624"/>
              <a:ext cx="1107440" cy="2248747"/>
            </a:xfrm>
            <a:custGeom>
              <a:avLst/>
              <a:gdLst/>
              <a:ahLst/>
              <a:cxnLst/>
              <a:rect l="0" t="0" r="0" b="0"/>
              <a:pathLst>
                <a:path w="1107440" h="2248746">
                  <a:moveTo>
                    <a:pt x="1070186" y="2248746"/>
                  </a:moveTo>
                  <a:lnTo>
                    <a:pt x="36124" y="2248746"/>
                  </a:lnTo>
                  <a:cubicBezTo>
                    <a:pt x="15804" y="2248746"/>
                    <a:pt x="0" y="2231813"/>
                    <a:pt x="0" y="2212622"/>
                  </a:cubicBezTo>
                  <a:lnTo>
                    <a:pt x="0" y="36124"/>
                  </a:lnTo>
                  <a:cubicBezTo>
                    <a:pt x="0" y="15804"/>
                    <a:pt x="16933" y="0"/>
                    <a:pt x="36124" y="0"/>
                  </a:cubicBezTo>
                  <a:lnTo>
                    <a:pt x="1070186" y="0"/>
                  </a:lnTo>
                  <a:cubicBezTo>
                    <a:pt x="1090506" y="0"/>
                    <a:pt x="1106311" y="16933"/>
                    <a:pt x="1106311" y="36124"/>
                  </a:cubicBezTo>
                  <a:lnTo>
                    <a:pt x="1106311" y="2211493"/>
                  </a:lnTo>
                  <a:cubicBezTo>
                    <a:pt x="1107440" y="2231813"/>
                    <a:pt x="1090506" y="2248746"/>
                    <a:pt x="1070186" y="2248746"/>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00" name="Free Form 6">
              <a:extLst>
                <a:ext uri="{FF2B5EF4-FFF2-40B4-BE49-F238E27FC236}">
                  <a16:creationId xmlns:a16="http://schemas.microsoft.com/office/drawing/2014/main" id="{9EE6FB38-5A71-3521-340C-5B0065626E0C}"/>
                </a:ext>
              </a:extLst>
            </p:cNvPr>
            <p:cNvSpPr/>
            <p:nvPr/>
          </p:nvSpPr>
          <p:spPr>
            <a:xfrm>
              <a:off x="9010791" y="6667209"/>
              <a:ext cx="682977" cy="554296"/>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01" name="Free Form 7">
              <a:extLst>
                <a:ext uri="{FF2B5EF4-FFF2-40B4-BE49-F238E27FC236}">
                  <a16:creationId xmlns:a16="http://schemas.microsoft.com/office/drawing/2014/main" id="{2F1AFA50-119D-9EDE-FD12-A45BF41CED8E}"/>
                </a:ext>
              </a:extLst>
            </p:cNvPr>
            <p:cNvSpPr/>
            <p:nvPr/>
          </p:nvSpPr>
          <p:spPr>
            <a:xfrm>
              <a:off x="9010791" y="7473242"/>
              <a:ext cx="682977" cy="554284"/>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02" name="Free Form 8">
              <a:extLst>
                <a:ext uri="{FF2B5EF4-FFF2-40B4-BE49-F238E27FC236}">
                  <a16:creationId xmlns:a16="http://schemas.microsoft.com/office/drawing/2014/main" id="{5A5F4477-0F6E-DA8B-D7D8-90C2BA6EA7F6}"/>
                </a:ext>
              </a:extLst>
            </p:cNvPr>
            <p:cNvSpPr/>
            <p:nvPr/>
          </p:nvSpPr>
          <p:spPr>
            <a:xfrm>
              <a:off x="8061388" y="6667209"/>
              <a:ext cx="682978" cy="554296"/>
            </a:xfrm>
            <a:custGeom>
              <a:avLst/>
              <a:gdLst/>
              <a:ahLst/>
              <a:cxnLst/>
              <a:rect l="0" t="0" r="0" b="0"/>
              <a:pathLst>
                <a:path w="682977" h="554295">
                  <a:moveTo>
                    <a:pt x="646864" y="554295"/>
                  </a:moveTo>
                  <a:lnTo>
                    <a:pt x="36124" y="554295"/>
                  </a:lnTo>
                  <a:cubicBezTo>
                    <a:pt x="16933" y="554295"/>
                    <a:pt x="0" y="538491"/>
                    <a:pt x="0" y="518171"/>
                  </a:cubicBezTo>
                  <a:lnTo>
                    <a:pt x="0" y="36135"/>
                  </a:lnTo>
                  <a:cubicBezTo>
                    <a:pt x="0" y="16933"/>
                    <a:pt x="15815" y="0"/>
                    <a:pt x="36124" y="0"/>
                  </a:cubicBezTo>
                  <a:lnTo>
                    <a:pt x="646864" y="0"/>
                  </a:lnTo>
                  <a:cubicBezTo>
                    <a:pt x="666044" y="0"/>
                    <a:pt x="682977" y="15815"/>
                    <a:pt x="682977" y="36135"/>
                  </a:cubicBezTo>
                  <a:lnTo>
                    <a:pt x="682977" y="518171"/>
                  </a:lnTo>
                  <a:cubicBezTo>
                    <a:pt x="682977" y="538491"/>
                    <a:pt x="667184" y="554295"/>
                    <a:pt x="646864"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03" name="Free Form 9">
              <a:extLst>
                <a:ext uri="{FF2B5EF4-FFF2-40B4-BE49-F238E27FC236}">
                  <a16:creationId xmlns:a16="http://schemas.microsoft.com/office/drawing/2014/main" id="{0D133A13-34F9-8059-EEBC-934E035F4FEE}"/>
                </a:ext>
              </a:extLst>
            </p:cNvPr>
            <p:cNvSpPr/>
            <p:nvPr/>
          </p:nvSpPr>
          <p:spPr>
            <a:xfrm>
              <a:off x="8061388" y="7473242"/>
              <a:ext cx="682978" cy="554284"/>
            </a:xfrm>
            <a:custGeom>
              <a:avLst/>
              <a:gdLst/>
              <a:ahLst/>
              <a:cxnLst/>
              <a:rect l="0" t="0" r="0" b="0"/>
              <a:pathLst>
                <a:path w="682977" h="554284">
                  <a:moveTo>
                    <a:pt x="646864" y="554284"/>
                  </a:moveTo>
                  <a:lnTo>
                    <a:pt x="36124" y="554284"/>
                  </a:lnTo>
                  <a:cubicBezTo>
                    <a:pt x="16933" y="554284"/>
                    <a:pt x="0" y="538491"/>
                    <a:pt x="0" y="518160"/>
                  </a:cubicBezTo>
                  <a:lnTo>
                    <a:pt x="0" y="36135"/>
                  </a:lnTo>
                  <a:cubicBezTo>
                    <a:pt x="0" y="16933"/>
                    <a:pt x="15815" y="0"/>
                    <a:pt x="36124" y="0"/>
                  </a:cubicBezTo>
                  <a:lnTo>
                    <a:pt x="646864" y="0"/>
                  </a:lnTo>
                  <a:cubicBezTo>
                    <a:pt x="666044" y="0"/>
                    <a:pt x="682977" y="15804"/>
                    <a:pt x="682977" y="36135"/>
                  </a:cubicBezTo>
                  <a:lnTo>
                    <a:pt x="682977" y="519288"/>
                  </a:lnTo>
                  <a:cubicBezTo>
                    <a:pt x="682977" y="538491"/>
                    <a:pt x="667184" y="554284"/>
                    <a:pt x="646864"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04" name="Free Form 10">
              <a:extLst>
                <a:ext uri="{FF2B5EF4-FFF2-40B4-BE49-F238E27FC236}">
                  <a16:creationId xmlns:a16="http://schemas.microsoft.com/office/drawing/2014/main" id="{DC27C86A-305F-7C65-C923-CF71EF4CE935}"/>
                </a:ext>
              </a:extLst>
            </p:cNvPr>
            <p:cNvSpPr/>
            <p:nvPr/>
          </p:nvSpPr>
          <p:spPr>
            <a:xfrm>
              <a:off x="3321191" y="6667209"/>
              <a:ext cx="682977" cy="554296"/>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05" name="Free Form 11">
              <a:extLst>
                <a:ext uri="{FF2B5EF4-FFF2-40B4-BE49-F238E27FC236}">
                  <a16:creationId xmlns:a16="http://schemas.microsoft.com/office/drawing/2014/main" id="{873DCC1D-32C6-D31F-18A3-E6A5417B8A75}"/>
                </a:ext>
              </a:extLst>
            </p:cNvPr>
            <p:cNvSpPr/>
            <p:nvPr/>
          </p:nvSpPr>
          <p:spPr>
            <a:xfrm>
              <a:off x="3321191" y="7473242"/>
              <a:ext cx="682977" cy="554284"/>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06" name="Free Form 12">
              <a:extLst>
                <a:ext uri="{FF2B5EF4-FFF2-40B4-BE49-F238E27FC236}">
                  <a16:creationId xmlns:a16="http://schemas.microsoft.com/office/drawing/2014/main" id="{54CF3176-2C81-41A0-97EE-C3FC694BCCC8}"/>
                </a:ext>
              </a:extLst>
            </p:cNvPr>
            <p:cNvSpPr/>
            <p:nvPr/>
          </p:nvSpPr>
          <p:spPr>
            <a:xfrm>
              <a:off x="2371794" y="6667209"/>
              <a:ext cx="682978" cy="554296"/>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2977" y="538491"/>
                    <a:pt x="667173"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07" name="Free Form 13">
              <a:extLst>
                <a:ext uri="{FF2B5EF4-FFF2-40B4-BE49-F238E27FC236}">
                  <a16:creationId xmlns:a16="http://schemas.microsoft.com/office/drawing/2014/main" id="{14588526-6B60-EA3B-40BD-96790FE8B433}"/>
                </a:ext>
              </a:extLst>
            </p:cNvPr>
            <p:cNvSpPr/>
            <p:nvPr/>
          </p:nvSpPr>
          <p:spPr>
            <a:xfrm>
              <a:off x="2371794" y="7473242"/>
              <a:ext cx="682978" cy="554284"/>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2977" y="538491"/>
                    <a:pt x="667173"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08" name="Free Form 14">
              <a:extLst>
                <a:ext uri="{FF2B5EF4-FFF2-40B4-BE49-F238E27FC236}">
                  <a16:creationId xmlns:a16="http://schemas.microsoft.com/office/drawing/2014/main" id="{36BAC5B9-0CA9-1118-2A67-355470E2ED02}"/>
                </a:ext>
              </a:extLst>
            </p:cNvPr>
            <p:cNvSpPr/>
            <p:nvPr/>
          </p:nvSpPr>
          <p:spPr>
            <a:xfrm>
              <a:off x="1227099" y="9595557"/>
              <a:ext cx="9723121" cy="428978"/>
            </a:xfrm>
            <a:custGeom>
              <a:avLst/>
              <a:gdLst/>
              <a:ahLst/>
              <a:cxnLst/>
              <a:rect l="0" t="0" r="0" b="0"/>
              <a:pathLst>
                <a:path w="9723120" h="428977">
                  <a:moveTo>
                    <a:pt x="9675706" y="428977"/>
                  </a:moveTo>
                  <a:lnTo>
                    <a:pt x="25964" y="428977"/>
                  </a:lnTo>
                  <a:cubicBezTo>
                    <a:pt x="0" y="428977"/>
                    <a:pt x="25964" y="407528"/>
                    <a:pt x="25964" y="381564"/>
                  </a:cubicBezTo>
                  <a:lnTo>
                    <a:pt x="25964" y="47413"/>
                  </a:lnTo>
                  <a:cubicBezTo>
                    <a:pt x="25964" y="21437"/>
                    <a:pt x="0" y="0"/>
                    <a:pt x="25964" y="0"/>
                  </a:cubicBezTo>
                  <a:lnTo>
                    <a:pt x="9675706" y="0"/>
                  </a:lnTo>
                  <a:cubicBezTo>
                    <a:pt x="9701671" y="0"/>
                    <a:pt x="9723120" y="21437"/>
                    <a:pt x="9723120" y="47413"/>
                  </a:cubicBezTo>
                  <a:lnTo>
                    <a:pt x="9723120" y="381564"/>
                  </a:lnTo>
                  <a:cubicBezTo>
                    <a:pt x="9723120" y="407528"/>
                    <a:pt x="9701671" y="428977"/>
                    <a:pt x="9675706" y="428977"/>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grpSp>
    </p:spTree>
    <p:custDataLst>
      <p:tags r:id="rId1"/>
    </p:custDataLst>
    <p:extLst>
      <p:ext uri="{BB962C8B-B14F-4D97-AF65-F5344CB8AC3E}">
        <p14:creationId xmlns:p14="http://schemas.microsoft.com/office/powerpoint/2010/main" val="4104575602"/>
      </p:ext>
    </p:extLst>
  </p:cSld>
  <p:clrMapOvr>
    <a:masterClrMapping/>
  </p:clrMapOvr>
  <p:transition spd="slow" advClick="0" advTm="19334"/>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stCondLst>
                                    <p:cond delay="0"/>
                                  </p:stCondLst>
                                  <p:childTnLst>
                                    <p:set>
                                      <p:cBhvr>
                                        <p:cTn id="6" dur="1" fill="hold">
                                          <p:stCondLst>
                                            <p:cond delay="0"/>
                                          </p:stCondLst>
                                        </p:cTn>
                                        <p:tgtEl>
                                          <p:spTgt spid="72"/>
                                        </p:tgtEl>
                                        <p:attrNameLst>
                                          <p:attrName>style.visibility</p:attrName>
                                        </p:attrNameLst>
                                      </p:cBhvr>
                                      <p:to>
                                        <p:strVal val="visible"/>
                                      </p:to>
                                    </p:set>
                                    <p:anim calcmode="lin" valueType="num">
                                      <p:cBhvr additive="base">
                                        <p:cTn id="7" dur="500" fill="hold"/>
                                        <p:tgtEl>
                                          <p:spTgt spid="72"/>
                                        </p:tgtEl>
                                        <p:attrNameLst>
                                          <p:attrName>ppt_x</p:attrName>
                                        </p:attrNameLst>
                                      </p:cBhvr>
                                      <p:tavLst>
                                        <p:tav tm="0">
                                          <p:val>
                                            <p:strVal val="#ppt_x"/>
                                          </p:val>
                                        </p:tav>
                                        <p:tav tm="100000">
                                          <p:val>
                                            <p:strVal val="#ppt_x"/>
                                          </p:val>
                                        </p:tav>
                                      </p:tavLst>
                                    </p:anim>
                                    <p:anim calcmode="lin" valueType="num">
                                      <p:cBhvr additive="base">
                                        <p:cTn id="8" dur="500" fill="hold"/>
                                        <p:tgtEl>
                                          <p:spTgt spid="72"/>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116"/>
                                        </p:tgtEl>
                                        <p:attrNameLst>
                                          <p:attrName>style.visibility</p:attrName>
                                        </p:attrNameLst>
                                      </p:cBhvr>
                                      <p:to>
                                        <p:strVal val="visible"/>
                                      </p:to>
                                    </p:set>
                                    <p:anim calcmode="lin" valueType="num">
                                      <p:cBhvr additive="base">
                                        <p:cTn id="11" dur="500" fill="hold"/>
                                        <p:tgtEl>
                                          <p:spTgt spid="116"/>
                                        </p:tgtEl>
                                        <p:attrNameLst>
                                          <p:attrName>ppt_x</p:attrName>
                                        </p:attrNameLst>
                                      </p:cBhvr>
                                      <p:tavLst>
                                        <p:tav tm="0">
                                          <p:val>
                                            <p:strVal val="#ppt_x"/>
                                          </p:val>
                                        </p:tav>
                                        <p:tav tm="100000">
                                          <p:val>
                                            <p:strVal val="#ppt_x"/>
                                          </p:val>
                                        </p:tav>
                                      </p:tavLst>
                                    </p:anim>
                                    <p:anim calcmode="lin" valueType="num">
                                      <p:cBhvr additive="base">
                                        <p:cTn id="12" dur="500" fill="hold"/>
                                        <p:tgtEl>
                                          <p:spTgt spid="116"/>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115"/>
                                        </p:tgtEl>
                                        <p:attrNameLst>
                                          <p:attrName>style.visibility</p:attrName>
                                        </p:attrNameLst>
                                      </p:cBhvr>
                                      <p:to>
                                        <p:strVal val="visible"/>
                                      </p:to>
                                    </p:set>
                                    <p:anim calcmode="lin" valueType="num">
                                      <p:cBhvr additive="base">
                                        <p:cTn id="15" dur="500" fill="hold"/>
                                        <p:tgtEl>
                                          <p:spTgt spid="115"/>
                                        </p:tgtEl>
                                        <p:attrNameLst>
                                          <p:attrName>ppt_x</p:attrName>
                                        </p:attrNameLst>
                                      </p:cBhvr>
                                      <p:tavLst>
                                        <p:tav tm="0">
                                          <p:val>
                                            <p:strVal val="#ppt_x"/>
                                          </p:val>
                                        </p:tav>
                                        <p:tav tm="100000">
                                          <p:val>
                                            <p:strVal val="#ppt_x"/>
                                          </p:val>
                                        </p:tav>
                                      </p:tavLst>
                                    </p:anim>
                                    <p:anim calcmode="lin" valueType="num">
                                      <p:cBhvr additive="base">
                                        <p:cTn id="16" dur="500" fill="hold"/>
                                        <p:tgtEl>
                                          <p:spTgt spid="115"/>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65"/>
                                        </p:tgtEl>
                                        <p:attrNameLst>
                                          <p:attrName>style.visibility</p:attrName>
                                        </p:attrNameLst>
                                      </p:cBhvr>
                                      <p:to>
                                        <p:strVal val="visible"/>
                                      </p:to>
                                    </p:set>
                                    <p:anim calcmode="lin" valueType="num">
                                      <p:cBhvr additive="base">
                                        <p:cTn id="19" dur="500" fill="hold"/>
                                        <p:tgtEl>
                                          <p:spTgt spid="65"/>
                                        </p:tgtEl>
                                        <p:attrNameLst>
                                          <p:attrName>ppt_x</p:attrName>
                                        </p:attrNameLst>
                                      </p:cBhvr>
                                      <p:tavLst>
                                        <p:tav tm="0">
                                          <p:val>
                                            <p:strVal val="#ppt_x"/>
                                          </p:val>
                                        </p:tav>
                                        <p:tav tm="100000">
                                          <p:val>
                                            <p:strVal val="#ppt_x"/>
                                          </p:val>
                                        </p:tav>
                                      </p:tavLst>
                                    </p:anim>
                                    <p:anim calcmode="lin" valueType="num">
                                      <p:cBhvr additive="base">
                                        <p:cTn id="20" dur="500" fill="hold"/>
                                        <p:tgtEl>
                                          <p:spTgt spid="65"/>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66"/>
                                        </p:tgtEl>
                                        <p:attrNameLst>
                                          <p:attrName>style.visibility</p:attrName>
                                        </p:attrNameLst>
                                      </p:cBhvr>
                                      <p:to>
                                        <p:strVal val="visible"/>
                                      </p:to>
                                    </p:set>
                                    <p:anim calcmode="lin" valueType="num">
                                      <p:cBhvr additive="base">
                                        <p:cTn id="23" dur="500" fill="hold"/>
                                        <p:tgtEl>
                                          <p:spTgt spid="66"/>
                                        </p:tgtEl>
                                        <p:attrNameLst>
                                          <p:attrName>ppt_x</p:attrName>
                                        </p:attrNameLst>
                                      </p:cBhvr>
                                      <p:tavLst>
                                        <p:tav tm="0">
                                          <p:val>
                                            <p:strVal val="#ppt_x"/>
                                          </p:val>
                                        </p:tav>
                                        <p:tav tm="100000">
                                          <p:val>
                                            <p:strVal val="#ppt_x"/>
                                          </p:val>
                                        </p:tav>
                                      </p:tavLst>
                                    </p:anim>
                                    <p:anim calcmode="lin" valueType="num">
                                      <p:cBhvr additive="base">
                                        <p:cTn id="24" dur="500" fill="hold"/>
                                        <p:tgtEl>
                                          <p:spTgt spid="66"/>
                                        </p:tgtEl>
                                        <p:attrNameLst>
                                          <p:attrName>ppt_y</p:attrName>
                                        </p:attrNameLst>
                                      </p:cBhvr>
                                      <p:tavLst>
                                        <p:tav tm="0">
                                          <p:val>
                                            <p:strVal val="1+#ppt_h/2"/>
                                          </p:val>
                                        </p:tav>
                                        <p:tav tm="100000">
                                          <p:val>
                                            <p:strVal val="#ppt_y"/>
                                          </p:val>
                                        </p:tav>
                                      </p:tavLst>
                                    </p:anim>
                                  </p:childTnLst>
                                </p:cTn>
                              </p:par>
                              <p:par>
                                <p:cTn id="25" presetID="2" presetClass="entr" presetSubtype="4" fill="hold" nodeType="withEffect">
                                  <p:stCondLst>
                                    <p:cond delay="0"/>
                                  </p:stCondLst>
                                  <p:childTnLst>
                                    <p:set>
                                      <p:cBhvr>
                                        <p:cTn id="26" dur="1" fill="hold">
                                          <p:stCondLst>
                                            <p:cond delay="0"/>
                                          </p:stCondLst>
                                        </p:cTn>
                                        <p:tgtEl>
                                          <p:spTgt spid="96"/>
                                        </p:tgtEl>
                                        <p:attrNameLst>
                                          <p:attrName>style.visibility</p:attrName>
                                        </p:attrNameLst>
                                      </p:cBhvr>
                                      <p:to>
                                        <p:strVal val="visible"/>
                                      </p:to>
                                    </p:set>
                                    <p:anim calcmode="lin" valueType="num">
                                      <p:cBhvr additive="base">
                                        <p:cTn id="27" dur="500" fill="hold"/>
                                        <p:tgtEl>
                                          <p:spTgt spid="96"/>
                                        </p:tgtEl>
                                        <p:attrNameLst>
                                          <p:attrName>ppt_x</p:attrName>
                                        </p:attrNameLst>
                                      </p:cBhvr>
                                      <p:tavLst>
                                        <p:tav tm="0">
                                          <p:val>
                                            <p:strVal val="#ppt_x"/>
                                          </p:val>
                                        </p:tav>
                                        <p:tav tm="100000">
                                          <p:val>
                                            <p:strVal val="#ppt_x"/>
                                          </p:val>
                                        </p:tav>
                                      </p:tavLst>
                                    </p:anim>
                                    <p:anim calcmode="lin" valueType="num">
                                      <p:cBhvr additive="base">
                                        <p:cTn id="28" dur="500" fill="hold"/>
                                        <p:tgtEl>
                                          <p:spTgt spid="96"/>
                                        </p:tgtEl>
                                        <p:attrNameLst>
                                          <p:attrName>ppt_y</p:attrName>
                                        </p:attrNameLst>
                                      </p:cBhvr>
                                      <p:tavLst>
                                        <p:tav tm="0">
                                          <p:val>
                                            <p:strVal val="1+#ppt_h/2"/>
                                          </p:val>
                                        </p:tav>
                                        <p:tav tm="100000">
                                          <p:val>
                                            <p:strVal val="#ppt_y"/>
                                          </p:val>
                                        </p:tav>
                                      </p:tavLst>
                                    </p:anim>
                                  </p:childTnLst>
                                </p:cTn>
                              </p:par>
                            </p:childTnLst>
                          </p:cTn>
                        </p:par>
                      </p:childTnLst>
                    </p:cTn>
                  </p:par>
                  <p:par>
                    <p:cTn id="29" fill="hold">
                      <p:stCondLst>
                        <p:cond delay="indefinite"/>
                      </p:stCondLst>
                      <p:childTnLst>
                        <p:par>
                          <p:cTn id="30" fill="hold">
                            <p:stCondLst>
                              <p:cond delay="0"/>
                            </p:stCondLst>
                            <p:childTnLst>
                              <p:par>
                                <p:cTn id="31" presetID="21" presetClass="entr" presetSubtype="1" fill="hold" grpId="0" nodeType="clickEffect">
                                  <p:stCondLst>
                                    <p:cond delay="0"/>
                                  </p:stCondLst>
                                  <p:childTnLst>
                                    <p:set>
                                      <p:cBhvr>
                                        <p:cTn id="32" dur="1" fill="hold">
                                          <p:stCondLst>
                                            <p:cond delay="0"/>
                                          </p:stCondLst>
                                        </p:cTn>
                                        <p:tgtEl>
                                          <p:spTgt spid="112"/>
                                        </p:tgtEl>
                                        <p:attrNameLst>
                                          <p:attrName>style.visibility</p:attrName>
                                        </p:attrNameLst>
                                      </p:cBhvr>
                                      <p:to>
                                        <p:strVal val="visible"/>
                                      </p:to>
                                    </p:set>
                                    <p:animEffect transition="in" filter="wheel(1)">
                                      <p:cBhvr>
                                        <p:cTn id="33" dur="1250"/>
                                        <p:tgtEl>
                                          <p:spTgt spid="112"/>
                                        </p:tgtEl>
                                      </p:cBhvr>
                                    </p:animEffect>
                                  </p:childTnLst>
                                </p:cTn>
                              </p:par>
                              <p:par>
                                <p:cTn id="34" presetID="21" presetClass="entr" presetSubtype="1" fill="hold" grpId="0" nodeType="withEffect">
                                  <p:stCondLst>
                                    <p:cond delay="0"/>
                                  </p:stCondLst>
                                  <p:childTnLst>
                                    <p:set>
                                      <p:cBhvr>
                                        <p:cTn id="35" dur="1" fill="hold">
                                          <p:stCondLst>
                                            <p:cond delay="0"/>
                                          </p:stCondLst>
                                        </p:cTn>
                                        <p:tgtEl>
                                          <p:spTgt spid="113"/>
                                        </p:tgtEl>
                                        <p:attrNameLst>
                                          <p:attrName>style.visibility</p:attrName>
                                        </p:attrNameLst>
                                      </p:cBhvr>
                                      <p:to>
                                        <p:strVal val="visible"/>
                                      </p:to>
                                    </p:set>
                                    <p:animEffect transition="in" filter="wheel(1)">
                                      <p:cBhvr>
                                        <p:cTn id="36" dur="1250"/>
                                        <p:tgtEl>
                                          <p:spTgt spid="113"/>
                                        </p:tgtEl>
                                      </p:cBhvr>
                                    </p:animEffect>
                                  </p:childTnLst>
                                </p:cTn>
                              </p:par>
                            </p:childTnLst>
                          </p:cTn>
                        </p:par>
                      </p:childTnLst>
                    </p:cTn>
                  </p:par>
                  <p:par>
                    <p:cTn id="37" fill="hold">
                      <p:stCondLst>
                        <p:cond delay="indefinite"/>
                      </p:stCondLst>
                      <p:childTnLst>
                        <p:par>
                          <p:cTn id="38" fill="hold">
                            <p:stCondLst>
                              <p:cond delay="0"/>
                            </p:stCondLst>
                            <p:childTnLst>
                              <p:par>
                                <p:cTn id="39" presetID="42" presetClass="entr" presetSubtype="0" fill="hold" grpId="0" nodeType="clickEffect">
                                  <p:stCondLst>
                                    <p:cond delay="0"/>
                                  </p:stCondLst>
                                  <p:childTnLst>
                                    <p:set>
                                      <p:cBhvr>
                                        <p:cTn id="40" dur="1" fill="hold">
                                          <p:stCondLst>
                                            <p:cond delay="0"/>
                                          </p:stCondLst>
                                        </p:cTn>
                                        <p:tgtEl>
                                          <p:spTgt spid="92"/>
                                        </p:tgtEl>
                                        <p:attrNameLst>
                                          <p:attrName>style.visibility</p:attrName>
                                        </p:attrNameLst>
                                      </p:cBhvr>
                                      <p:to>
                                        <p:strVal val="visible"/>
                                      </p:to>
                                    </p:set>
                                    <p:animEffect transition="in" filter="fade">
                                      <p:cBhvr>
                                        <p:cTn id="41" dur="500"/>
                                        <p:tgtEl>
                                          <p:spTgt spid="92"/>
                                        </p:tgtEl>
                                      </p:cBhvr>
                                    </p:animEffect>
                                    <p:anim calcmode="lin" valueType="num">
                                      <p:cBhvr>
                                        <p:cTn id="42" dur="500" fill="hold"/>
                                        <p:tgtEl>
                                          <p:spTgt spid="92"/>
                                        </p:tgtEl>
                                        <p:attrNameLst>
                                          <p:attrName>ppt_x</p:attrName>
                                        </p:attrNameLst>
                                      </p:cBhvr>
                                      <p:tavLst>
                                        <p:tav tm="0">
                                          <p:val>
                                            <p:strVal val="#ppt_x"/>
                                          </p:val>
                                        </p:tav>
                                        <p:tav tm="100000">
                                          <p:val>
                                            <p:strVal val="#ppt_x"/>
                                          </p:val>
                                        </p:tav>
                                      </p:tavLst>
                                    </p:anim>
                                    <p:anim calcmode="lin" valueType="num">
                                      <p:cBhvr>
                                        <p:cTn id="43" dur="500" fill="hold"/>
                                        <p:tgtEl>
                                          <p:spTgt spid="92"/>
                                        </p:tgtEl>
                                        <p:attrNameLst>
                                          <p:attrName>ppt_y</p:attrName>
                                        </p:attrNameLst>
                                      </p:cBhvr>
                                      <p:tavLst>
                                        <p:tav tm="0">
                                          <p:val>
                                            <p:strVal val="#ppt_y+.1"/>
                                          </p:val>
                                        </p:tav>
                                        <p:tav tm="100000">
                                          <p:val>
                                            <p:strVal val="#ppt_y"/>
                                          </p:val>
                                        </p:tav>
                                      </p:tavLst>
                                    </p:anim>
                                  </p:childTnLst>
                                </p:cTn>
                              </p:par>
                              <p:par>
                                <p:cTn id="44" presetID="42" presetClass="entr" presetSubtype="0" fill="hold" grpId="0" nodeType="withEffect">
                                  <p:stCondLst>
                                    <p:cond delay="0"/>
                                  </p:stCondLst>
                                  <p:childTnLst>
                                    <p:set>
                                      <p:cBhvr>
                                        <p:cTn id="45" dur="1" fill="hold">
                                          <p:stCondLst>
                                            <p:cond delay="0"/>
                                          </p:stCondLst>
                                        </p:cTn>
                                        <p:tgtEl>
                                          <p:spTgt spid="91"/>
                                        </p:tgtEl>
                                        <p:attrNameLst>
                                          <p:attrName>style.visibility</p:attrName>
                                        </p:attrNameLst>
                                      </p:cBhvr>
                                      <p:to>
                                        <p:strVal val="visible"/>
                                      </p:to>
                                    </p:set>
                                    <p:animEffect transition="in" filter="fade">
                                      <p:cBhvr>
                                        <p:cTn id="46" dur="500"/>
                                        <p:tgtEl>
                                          <p:spTgt spid="91"/>
                                        </p:tgtEl>
                                      </p:cBhvr>
                                    </p:animEffect>
                                    <p:anim calcmode="lin" valueType="num">
                                      <p:cBhvr>
                                        <p:cTn id="47" dur="500" fill="hold"/>
                                        <p:tgtEl>
                                          <p:spTgt spid="91"/>
                                        </p:tgtEl>
                                        <p:attrNameLst>
                                          <p:attrName>ppt_x</p:attrName>
                                        </p:attrNameLst>
                                      </p:cBhvr>
                                      <p:tavLst>
                                        <p:tav tm="0">
                                          <p:val>
                                            <p:strVal val="#ppt_x"/>
                                          </p:val>
                                        </p:tav>
                                        <p:tav tm="100000">
                                          <p:val>
                                            <p:strVal val="#ppt_x"/>
                                          </p:val>
                                        </p:tav>
                                      </p:tavLst>
                                    </p:anim>
                                    <p:anim calcmode="lin" valueType="num">
                                      <p:cBhvr>
                                        <p:cTn id="48" dur="500" fill="hold"/>
                                        <p:tgtEl>
                                          <p:spTgt spid="91"/>
                                        </p:tgtEl>
                                        <p:attrNameLst>
                                          <p:attrName>ppt_y</p:attrName>
                                        </p:attrNameLst>
                                      </p:cBhvr>
                                      <p:tavLst>
                                        <p:tav tm="0">
                                          <p:val>
                                            <p:strVal val="#ppt_y+.1"/>
                                          </p:val>
                                        </p:tav>
                                        <p:tav tm="100000">
                                          <p:val>
                                            <p:strVal val="#ppt_y"/>
                                          </p:val>
                                        </p:tav>
                                      </p:tavLst>
                                    </p:anim>
                                  </p:childTnLst>
                                </p:cTn>
                              </p:par>
                            </p:childTnLst>
                          </p:cTn>
                        </p:par>
                        <p:par>
                          <p:cTn id="49" fill="hold">
                            <p:stCondLst>
                              <p:cond delay="500"/>
                            </p:stCondLst>
                            <p:childTnLst>
                              <p:par>
                                <p:cTn id="50" presetID="22" presetClass="entr" presetSubtype="4" fill="hold" nodeType="afterEffect">
                                  <p:stCondLst>
                                    <p:cond delay="0"/>
                                  </p:stCondLst>
                                  <p:childTnLst>
                                    <p:set>
                                      <p:cBhvr>
                                        <p:cTn id="51" dur="1" fill="hold">
                                          <p:stCondLst>
                                            <p:cond delay="0"/>
                                          </p:stCondLst>
                                        </p:cTn>
                                        <p:tgtEl>
                                          <p:spTgt spid="129"/>
                                        </p:tgtEl>
                                        <p:attrNameLst>
                                          <p:attrName>style.visibility</p:attrName>
                                        </p:attrNameLst>
                                      </p:cBhvr>
                                      <p:to>
                                        <p:strVal val="visible"/>
                                      </p:to>
                                    </p:set>
                                    <p:animEffect transition="in" filter="wipe(down)">
                                      <p:cBhvr>
                                        <p:cTn id="52" dur="500"/>
                                        <p:tgtEl>
                                          <p:spTgt spid="129"/>
                                        </p:tgtEl>
                                      </p:cBhvr>
                                    </p:animEffect>
                                  </p:childTnLst>
                                </p:cTn>
                              </p:par>
                              <p:par>
                                <p:cTn id="53" presetID="22" presetClass="entr" presetSubtype="4" fill="hold" nodeType="withEffect">
                                  <p:stCondLst>
                                    <p:cond delay="0"/>
                                  </p:stCondLst>
                                  <p:childTnLst>
                                    <p:set>
                                      <p:cBhvr>
                                        <p:cTn id="54" dur="1" fill="hold">
                                          <p:stCondLst>
                                            <p:cond delay="0"/>
                                          </p:stCondLst>
                                        </p:cTn>
                                        <p:tgtEl>
                                          <p:spTgt spid="128"/>
                                        </p:tgtEl>
                                        <p:attrNameLst>
                                          <p:attrName>style.visibility</p:attrName>
                                        </p:attrNameLst>
                                      </p:cBhvr>
                                      <p:to>
                                        <p:strVal val="visible"/>
                                      </p:to>
                                    </p:set>
                                    <p:animEffect transition="in" filter="wipe(down)">
                                      <p:cBhvr>
                                        <p:cTn id="55" dur="500"/>
                                        <p:tgtEl>
                                          <p:spTgt spid="128"/>
                                        </p:tgtEl>
                                      </p:cBhvr>
                                    </p:animEffect>
                                  </p:childTnLst>
                                </p:cTn>
                              </p:par>
                            </p:childTnLst>
                          </p:cTn>
                        </p:par>
                        <p:par>
                          <p:cTn id="56" fill="hold">
                            <p:stCondLst>
                              <p:cond delay="1000"/>
                            </p:stCondLst>
                            <p:childTnLst>
                              <p:par>
                                <p:cTn id="57" presetID="42" presetClass="entr" presetSubtype="0" fill="hold" grpId="0" nodeType="afterEffect">
                                  <p:stCondLst>
                                    <p:cond delay="0"/>
                                  </p:stCondLst>
                                  <p:childTnLst>
                                    <p:set>
                                      <p:cBhvr>
                                        <p:cTn id="58" dur="1" fill="hold">
                                          <p:stCondLst>
                                            <p:cond delay="0"/>
                                          </p:stCondLst>
                                        </p:cTn>
                                        <p:tgtEl>
                                          <p:spTgt spid="94"/>
                                        </p:tgtEl>
                                        <p:attrNameLst>
                                          <p:attrName>style.visibility</p:attrName>
                                        </p:attrNameLst>
                                      </p:cBhvr>
                                      <p:to>
                                        <p:strVal val="visible"/>
                                      </p:to>
                                    </p:set>
                                    <p:animEffect transition="in" filter="fade">
                                      <p:cBhvr>
                                        <p:cTn id="59" dur="500"/>
                                        <p:tgtEl>
                                          <p:spTgt spid="94"/>
                                        </p:tgtEl>
                                      </p:cBhvr>
                                    </p:animEffect>
                                    <p:anim calcmode="lin" valueType="num">
                                      <p:cBhvr>
                                        <p:cTn id="60" dur="500" fill="hold"/>
                                        <p:tgtEl>
                                          <p:spTgt spid="94"/>
                                        </p:tgtEl>
                                        <p:attrNameLst>
                                          <p:attrName>ppt_x</p:attrName>
                                        </p:attrNameLst>
                                      </p:cBhvr>
                                      <p:tavLst>
                                        <p:tav tm="0">
                                          <p:val>
                                            <p:strVal val="#ppt_x"/>
                                          </p:val>
                                        </p:tav>
                                        <p:tav tm="100000">
                                          <p:val>
                                            <p:strVal val="#ppt_x"/>
                                          </p:val>
                                        </p:tav>
                                      </p:tavLst>
                                    </p:anim>
                                    <p:anim calcmode="lin" valueType="num">
                                      <p:cBhvr>
                                        <p:cTn id="61" dur="500" fill="hold"/>
                                        <p:tgtEl>
                                          <p:spTgt spid="94"/>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1" grpId="0" animBg="1"/>
      <p:bldP spid="92" grpId="0" animBg="1"/>
      <p:bldP spid="94" grpId="0" animBg="1"/>
      <p:bldP spid="112" grpId="0" animBg="1"/>
      <p:bldP spid="113" grpId="0" animBg="1"/>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a:r>
              <a:rPr lang="es-ES" dirty="0"/>
              <a:t>In </a:t>
            </a:r>
            <a:r>
              <a:rPr lang="es-ES" dirty="0" err="1"/>
              <a:t>this</a:t>
            </a:r>
            <a:r>
              <a:rPr lang="es-ES" dirty="0"/>
              <a:t> video, </a:t>
            </a:r>
            <a:r>
              <a:rPr lang="es-ES" dirty="0" err="1"/>
              <a:t>you</a:t>
            </a:r>
            <a:r>
              <a:rPr lang="es-ES" dirty="0"/>
              <a:t> </a:t>
            </a:r>
            <a:r>
              <a:rPr lang="es-ES" dirty="0" err="1"/>
              <a:t>will</a:t>
            </a:r>
            <a:r>
              <a:rPr lang="es-ES" dirty="0"/>
              <a:t> </a:t>
            </a:r>
            <a:r>
              <a:rPr lang="es-ES" dirty="0" err="1"/>
              <a:t>see</a:t>
            </a:r>
            <a:r>
              <a:rPr lang="es-ES" dirty="0"/>
              <a:t>…</a:t>
            </a:r>
          </a:p>
        </p:txBody>
      </p:sp>
      <p:pic>
        <p:nvPicPr>
          <p:cNvPr id="22" name="Graphic 21" hidden="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id="26" name="Graphic 25" hidden="1">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id="28" name="Graphic 27" hidden="1">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id="34" name="Graphic 33" hidden="1">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108" name="Group 2">
            <a:extLst>
              <a:ext uri="{FF2B5EF4-FFF2-40B4-BE49-F238E27FC236}">
                <a16:creationId xmlns:a16="http://schemas.microsoft.com/office/drawing/2014/main" id="{8FDDF533-7DC2-5494-AFD4-6EA702BBE5DA}"/>
              </a:ext>
            </a:extLst>
          </p:cNvPr>
          <p:cNvGrpSpPr/>
          <p:nvPr/>
        </p:nvGrpSpPr>
        <p:grpSpPr>
          <a:xfrm>
            <a:off x="4748534" y="3836235"/>
            <a:ext cx="484893" cy="395985"/>
            <a:chOff x="1227099" y="2167452"/>
            <a:chExt cx="9723121" cy="7857083"/>
          </a:xfrm>
          <a:noFill/>
        </p:grpSpPr>
        <p:sp>
          <p:nvSpPr>
            <p:cNvPr id="109" name="Free Form 3">
              <a:extLst>
                <a:ext uri="{FF2B5EF4-FFF2-40B4-BE49-F238E27FC236}">
                  <a16:creationId xmlns:a16="http://schemas.microsoft.com/office/drawing/2014/main" id="{09ACF561-386B-9C28-0F41-A2840CD9E83B}"/>
                </a:ext>
              </a:extLst>
            </p:cNvPr>
            <p:cNvSpPr/>
            <p:nvPr/>
          </p:nvSpPr>
          <p:spPr>
            <a:xfrm>
              <a:off x="1645907" y="2167452"/>
              <a:ext cx="8818876" cy="7854804"/>
            </a:xfrm>
            <a:custGeom>
              <a:avLst/>
              <a:gdLst/>
              <a:ahLst/>
              <a:cxnLst/>
              <a:rect l="0" t="0" r="0" b="0"/>
              <a:pathLst>
                <a:path w="8818880" h="7854808">
                  <a:moveTo>
                    <a:pt x="8711635" y="3025422"/>
                  </a:moveTo>
                  <a:lnTo>
                    <a:pt x="6856871" y="3025422"/>
                  </a:lnTo>
                  <a:cubicBezTo>
                    <a:pt x="6797040" y="3025422"/>
                    <a:pt x="6749626" y="2976880"/>
                    <a:pt x="6749626" y="2918177"/>
                  </a:cubicBezTo>
                  <a:lnTo>
                    <a:pt x="6749626" y="107244"/>
                  </a:lnTo>
                  <a:cubicBezTo>
                    <a:pt x="6749626" y="47413"/>
                    <a:pt x="6701084" y="0"/>
                    <a:pt x="6642382" y="0"/>
                  </a:cubicBezTo>
                  <a:lnTo>
                    <a:pt x="6635608" y="0"/>
                  </a:lnTo>
                  <a:lnTo>
                    <a:pt x="2184400" y="0"/>
                  </a:lnTo>
                  <a:lnTo>
                    <a:pt x="2177626" y="0"/>
                  </a:lnTo>
                  <a:cubicBezTo>
                    <a:pt x="2117795" y="0"/>
                    <a:pt x="2070382" y="48542"/>
                    <a:pt x="2070382" y="107244"/>
                  </a:cubicBezTo>
                  <a:lnTo>
                    <a:pt x="2070382" y="2918177"/>
                  </a:lnTo>
                  <a:cubicBezTo>
                    <a:pt x="2070382" y="2978008"/>
                    <a:pt x="2021840" y="3025422"/>
                    <a:pt x="1963137" y="3025422"/>
                  </a:cubicBezTo>
                  <a:lnTo>
                    <a:pt x="107244" y="3025422"/>
                  </a:lnTo>
                  <a:cubicBezTo>
                    <a:pt x="47413" y="3025422"/>
                    <a:pt x="0" y="3073964"/>
                    <a:pt x="0" y="3132666"/>
                  </a:cubicBezTo>
                  <a:lnTo>
                    <a:pt x="0" y="7747564"/>
                  </a:lnTo>
                  <a:cubicBezTo>
                    <a:pt x="0" y="7807395"/>
                    <a:pt x="48542" y="7854808"/>
                    <a:pt x="107244" y="7854808"/>
                  </a:cubicBezTo>
                  <a:lnTo>
                    <a:pt x="2184400" y="7854808"/>
                  </a:lnTo>
                  <a:lnTo>
                    <a:pt x="6633351" y="7854808"/>
                  </a:lnTo>
                  <a:lnTo>
                    <a:pt x="8710506" y="7854808"/>
                  </a:lnTo>
                  <a:cubicBezTo>
                    <a:pt x="8770337" y="7854808"/>
                    <a:pt x="8817751" y="7806266"/>
                    <a:pt x="8817751" y="7747564"/>
                  </a:cubicBezTo>
                  <a:lnTo>
                    <a:pt x="8817751" y="3133795"/>
                  </a:lnTo>
                  <a:cubicBezTo>
                    <a:pt x="8818880" y="3073964"/>
                    <a:pt x="8770337" y="3025422"/>
                    <a:pt x="8711635" y="3025422"/>
                  </a:cubicBezTo>
                  <a:close/>
                </a:path>
              </a:pathLst>
            </a:custGeom>
            <a:solidFill>
              <a:srgbClr val="083370">
                <a:alpha val="100000"/>
              </a:srgbClr>
            </a:solidFill>
            <a:ln w="0" cap="flat" cmpd="sng">
              <a:noFill/>
              <a:prstDash val="solid"/>
              <a:miter lim="800000"/>
            </a:ln>
          </p:spPr>
          <p:txBody>
            <a:bodyPr anchor="ctr">
              <a:spAutoFit/>
            </a:bodyPr>
            <a:lstStyle/>
            <a:p>
              <a:pPr algn="ctr"/>
              <a:endParaRPr lang="en-US"/>
            </a:p>
          </p:txBody>
        </p:sp>
        <p:sp>
          <p:nvSpPr>
            <p:cNvPr id="110" name="Free Form 4">
              <a:extLst>
                <a:ext uri="{FF2B5EF4-FFF2-40B4-BE49-F238E27FC236}">
                  <a16:creationId xmlns:a16="http://schemas.microsoft.com/office/drawing/2014/main" id="{AC384ECF-9206-3A1D-15B0-DD97E3BC3EB3}"/>
                </a:ext>
              </a:extLst>
            </p:cNvPr>
            <p:cNvSpPr/>
            <p:nvPr/>
          </p:nvSpPr>
          <p:spPr>
            <a:xfrm>
              <a:off x="5235788" y="3535677"/>
              <a:ext cx="1693334" cy="1693334"/>
            </a:xfrm>
            <a:custGeom>
              <a:avLst/>
              <a:gdLst/>
              <a:ahLst/>
              <a:cxnLst/>
              <a:rect l="0" t="0" r="0" b="0"/>
              <a:pathLst>
                <a:path w="1693333" h="1693333">
                  <a:moveTo>
                    <a:pt x="1663982" y="570088"/>
                  </a:moveTo>
                  <a:lnTo>
                    <a:pt x="1152595" y="570088"/>
                  </a:lnTo>
                  <a:cubicBezTo>
                    <a:pt x="1136791" y="570088"/>
                    <a:pt x="1123244" y="556542"/>
                    <a:pt x="1123244" y="540737"/>
                  </a:cubicBezTo>
                  <a:lnTo>
                    <a:pt x="1123244" y="29351"/>
                  </a:lnTo>
                  <a:cubicBezTo>
                    <a:pt x="1123244" y="13546"/>
                    <a:pt x="1109686" y="0"/>
                    <a:pt x="1093893" y="0"/>
                  </a:cubicBezTo>
                  <a:lnTo>
                    <a:pt x="599440" y="0"/>
                  </a:lnTo>
                  <a:cubicBezTo>
                    <a:pt x="583635" y="0"/>
                    <a:pt x="570088" y="13546"/>
                    <a:pt x="570088" y="29351"/>
                  </a:cubicBezTo>
                  <a:lnTo>
                    <a:pt x="570088" y="540737"/>
                  </a:lnTo>
                  <a:cubicBezTo>
                    <a:pt x="570088" y="556542"/>
                    <a:pt x="556542" y="570088"/>
                    <a:pt x="540737" y="570088"/>
                  </a:cubicBezTo>
                  <a:lnTo>
                    <a:pt x="29351" y="570088"/>
                  </a:lnTo>
                  <a:cubicBezTo>
                    <a:pt x="13546" y="570088"/>
                    <a:pt x="0" y="583635"/>
                    <a:pt x="0" y="599440"/>
                  </a:cubicBezTo>
                  <a:lnTo>
                    <a:pt x="0" y="1093893"/>
                  </a:lnTo>
                  <a:cubicBezTo>
                    <a:pt x="0" y="1109697"/>
                    <a:pt x="13546" y="1123244"/>
                    <a:pt x="29351" y="1123244"/>
                  </a:cubicBezTo>
                  <a:lnTo>
                    <a:pt x="540737" y="1123244"/>
                  </a:lnTo>
                  <a:cubicBezTo>
                    <a:pt x="556542" y="1123244"/>
                    <a:pt x="570088" y="1136791"/>
                    <a:pt x="570088" y="1152595"/>
                  </a:cubicBezTo>
                  <a:lnTo>
                    <a:pt x="570088" y="1663982"/>
                  </a:lnTo>
                  <a:cubicBezTo>
                    <a:pt x="570088" y="1679786"/>
                    <a:pt x="583635" y="1693333"/>
                    <a:pt x="599440" y="1693333"/>
                  </a:cubicBezTo>
                  <a:lnTo>
                    <a:pt x="1093893" y="1693333"/>
                  </a:lnTo>
                  <a:cubicBezTo>
                    <a:pt x="1109686" y="1693333"/>
                    <a:pt x="1123244" y="1679786"/>
                    <a:pt x="1123244" y="1663982"/>
                  </a:cubicBezTo>
                  <a:lnTo>
                    <a:pt x="1123244" y="1152595"/>
                  </a:lnTo>
                  <a:cubicBezTo>
                    <a:pt x="1123244" y="1136791"/>
                    <a:pt x="1136791" y="1123244"/>
                    <a:pt x="1152595" y="1123244"/>
                  </a:cubicBezTo>
                  <a:lnTo>
                    <a:pt x="1663982" y="1123244"/>
                  </a:lnTo>
                  <a:cubicBezTo>
                    <a:pt x="1679775" y="1123244"/>
                    <a:pt x="1693333" y="1109697"/>
                    <a:pt x="1693333" y="1093893"/>
                  </a:cubicBezTo>
                  <a:lnTo>
                    <a:pt x="1693333" y="599440"/>
                  </a:lnTo>
                  <a:cubicBezTo>
                    <a:pt x="1693333" y="583635"/>
                    <a:pt x="1679775" y="570088"/>
                    <a:pt x="1663982" y="570088"/>
                  </a:cubicBezTo>
                  <a:close/>
                </a:path>
              </a:pathLst>
            </a:custGeom>
            <a:solidFill>
              <a:srgbClr val="FF8F02">
                <a:alpha val="100000"/>
              </a:srgbClr>
            </a:solidFill>
            <a:ln w="0" cap="flat" cmpd="sng">
              <a:noFill/>
              <a:prstDash val="solid"/>
              <a:miter lim="800000"/>
            </a:ln>
          </p:spPr>
          <p:txBody>
            <a:bodyPr anchor="ctr">
              <a:spAutoFit/>
            </a:bodyPr>
            <a:lstStyle/>
            <a:p>
              <a:pPr algn="ctr"/>
              <a:endParaRPr lang="en-US"/>
            </a:p>
          </p:txBody>
        </p:sp>
        <p:sp>
          <p:nvSpPr>
            <p:cNvPr id="111" name="Free Form 5">
              <a:extLst>
                <a:ext uri="{FF2B5EF4-FFF2-40B4-BE49-F238E27FC236}">
                  <a16:creationId xmlns:a16="http://schemas.microsoft.com/office/drawing/2014/main" id="{9728103A-6FBD-C4EA-FB3C-CCC3DC1D1DB3}"/>
                </a:ext>
              </a:extLst>
            </p:cNvPr>
            <p:cNvSpPr/>
            <p:nvPr/>
          </p:nvSpPr>
          <p:spPr>
            <a:xfrm>
              <a:off x="5528168" y="7765624"/>
              <a:ext cx="1107440" cy="2248747"/>
            </a:xfrm>
            <a:custGeom>
              <a:avLst/>
              <a:gdLst/>
              <a:ahLst/>
              <a:cxnLst/>
              <a:rect l="0" t="0" r="0" b="0"/>
              <a:pathLst>
                <a:path w="1107440" h="2248746">
                  <a:moveTo>
                    <a:pt x="1070186" y="2248746"/>
                  </a:moveTo>
                  <a:lnTo>
                    <a:pt x="36124" y="2248746"/>
                  </a:lnTo>
                  <a:cubicBezTo>
                    <a:pt x="15804" y="2248746"/>
                    <a:pt x="0" y="2231813"/>
                    <a:pt x="0" y="2212622"/>
                  </a:cubicBezTo>
                  <a:lnTo>
                    <a:pt x="0" y="36124"/>
                  </a:lnTo>
                  <a:cubicBezTo>
                    <a:pt x="0" y="15804"/>
                    <a:pt x="16933" y="0"/>
                    <a:pt x="36124" y="0"/>
                  </a:cubicBezTo>
                  <a:lnTo>
                    <a:pt x="1070186" y="0"/>
                  </a:lnTo>
                  <a:cubicBezTo>
                    <a:pt x="1090506" y="0"/>
                    <a:pt x="1106311" y="16933"/>
                    <a:pt x="1106311" y="36124"/>
                  </a:cubicBezTo>
                  <a:lnTo>
                    <a:pt x="1106311" y="2211493"/>
                  </a:lnTo>
                  <a:cubicBezTo>
                    <a:pt x="1107440" y="2231813"/>
                    <a:pt x="1090506" y="2248746"/>
                    <a:pt x="1070186" y="2248746"/>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14" name="Free Form 6">
              <a:extLst>
                <a:ext uri="{FF2B5EF4-FFF2-40B4-BE49-F238E27FC236}">
                  <a16:creationId xmlns:a16="http://schemas.microsoft.com/office/drawing/2014/main" id="{8DC8BDD7-21E8-1A92-6402-F265FA5C0605}"/>
                </a:ext>
              </a:extLst>
            </p:cNvPr>
            <p:cNvSpPr/>
            <p:nvPr/>
          </p:nvSpPr>
          <p:spPr>
            <a:xfrm>
              <a:off x="9010791" y="6667209"/>
              <a:ext cx="682977" cy="554296"/>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17" name="Free Form 7">
              <a:extLst>
                <a:ext uri="{FF2B5EF4-FFF2-40B4-BE49-F238E27FC236}">
                  <a16:creationId xmlns:a16="http://schemas.microsoft.com/office/drawing/2014/main" id="{3B9E171C-10C6-F195-8F0C-59D075A5413C}"/>
                </a:ext>
              </a:extLst>
            </p:cNvPr>
            <p:cNvSpPr/>
            <p:nvPr/>
          </p:nvSpPr>
          <p:spPr>
            <a:xfrm>
              <a:off x="9010791" y="7473242"/>
              <a:ext cx="682977" cy="554284"/>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18" name="Free Form 8">
              <a:extLst>
                <a:ext uri="{FF2B5EF4-FFF2-40B4-BE49-F238E27FC236}">
                  <a16:creationId xmlns:a16="http://schemas.microsoft.com/office/drawing/2014/main" id="{E50923FB-C469-BB18-FB1E-646EF03A0B2D}"/>
                </a:ext>
              </a:extLst>
            </p:cNvPr>
            <p:cNvSpPr/>
            <p:nvPr/>
          </p:nvSpPr>
          <p:spPr>
            <a:xfrm>
              <a:off x="8061388" y="6667209"/>
              <a:ext cx="682978" cy="554296"/>
            </a:xfrm>
            <a:custGeom>
              <a:avLst/>
              <a:gdLst/>
              <a:ahLst/>
              <a:cxnLst/>
              <a:rect l="0" t="0" r="0" b="0"/>
              <a:pathLst>
                <a:path w="682977" h="554295">
                  <a:moveTo>
                    <a:pt x="646864" y="554295"/>
                  </a:moveTo>
                  <a:lnTo>
                    <a:pt x="36124" y="554295"/>
                  </a:lnTo>
                  <a:cubicBezTo>
                    <a:pt x="16933" y="554295"/>
                    <a:pt x="0" y="538491"/>
                    <a:pt x="0" y="518171"/>
                  </a:cubicBezTo>
                  <a:lnTo>
                    <a:pt x="0" y="36135"/>
                  </a:lnTo>
                  <a:cubicBezTo>
                    <a:pt x="0" y="16933"/>
                    <a:pt x="15815" y="0"/>
                    <a:pt x="36124" y="0"/>
                  </a:cubicBezTo>
                  <a:lnTo>
                    <a:pt x="646864" y="0"/>
                  </a:lnTo>
                  <a:cubicBezTo>
                    <a:pt x="666044" y="0"/>
                    <a:pt x="682977" y="15815"/>
                    <a:pt x="682977" y="36135"/>
                  </a:cubicBezTo>
                  <a:lnTo>
                    <a:pt x="682977" y="518171"/>
                  </a:lnTo>
                  <a:cubicBezTo>
                    <a:pt x="682977" y="538491"/>
                    <a:pt x="667184" y="554295"/>
                    <a:pt x="646864"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19" name="Free Form 9">
              <a:extLst>
                <a:ext uri="{FF2B5EF4-FFF2-40B4-BE49-F238E27FC236}">
                  <a16:creationId xmlns:a16="http://schemas.microsoft.com/office/drawing/2014/main" id="{53250E38-1D8C-B6EB-DB31-0658B5B17A18}"/>
                </a:ext>
              </a:extLst>
            </p:cNvPr>
            <p:cNvSpPr/>
            <p:nvPr/>
          </p:nvSpPr>
          <p:spPr>
            <a:xfrm>
              <a:off x="8061388" y="7473242"/>
              <a:ext cx="682978" cy="554284"/>
            </a:xfrm>
            <a:custGeom>
              <a:avLst/>
              <a:gdLst/>
              <a:ahLst/>
              <a:cxnLst/>
              <a:rect l="0" t="0" r="0" b="0"/>
              <a:pathLst>
                <a:path w="682977" h="554284">
                  <a:moveTo>
                    <a:pt x="646864" y="554284"/>
                  </a:moveTo>
                  <a:lnTo>
                    <a:pt x="36124" y="554284"/>
                  </a:lnTo>
                  <a:cubicBezTo>
                    <a:pt x="16933" y="554284"/>
                    <a:pt x="0" y="538491"/>
                    <a:pt x="0" y="518160"/>
                  </a:cubicBezTo>
                  <a:lnTo>
                    <a:pt x="0" y="36135"/>
                  </a:lnTo>
                  <a:cubicBezTo>
                    <a:pt x="0" y="16933"/>
                    <a:pt x="15815" y="0"/>
                    <a:pt x="36124" y="0"/>
                  </a:cubicBezTo>
                  <a:lnTo>
                    <a:pt x="646864" y="0"/>
                  </a:lnTo>
                  <a:cubicBezTo>
                    <a:pt x="666044" y="0"/>
                    <a:pt x="682977" y="15804"/>
                    <a:pt x="682977" y="36135"/>
                  </a:cubicBezTo>
                  <a:lnTo>
                    <a:pt x="682977" y="519288"/>
                  </a:lnTo>
                  <a:cubicBezTo>
                    <a:pt x="682977" y="538491"/>
                    <a:pt x="667184" y="554284"/>
                    <a:pt x="646864"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20" name="Free Form 10">
              <a:extLst>
                <a:ext uri="{FF2B5EF4-FFF2-40B4-BE49-F238E27FC236}">
                  <a16:creationId xmlns:a16="http://schemas.microsoft.com/office/drawing/2014/main" id="{01498D7F-CFA9-C55F-D899-BE308F164E76}"/>
                </a:ext>
              </a:extLst>
            </p:cNvPr>
            <p:cNvSpPr/>
            <p:nvPr/>
          </p:nvSpPr>
          <p:spPr>
            <a:xfrm>
              <a:off x="3321191" y="6667209"/>
              <a:ext cx="682977" cy="554296"/>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21" name="Free Form 11">
              <a:extLst>
                <a:ext uri="{FF2B5EF4-FFF2-40B4-BE49-F238E27FC236}">
                  <a16:creationId xmlns:a16="http://schemas.microsoft.com/office/drawing/2014/main" id="{16F9B7DB-CF87-54BE-50CB-6B98043BB061}"/>
                </a:ext>
              </a:extLst>
            </p:cNvPr>
            <p:cNvSpPr/>
            <p:nvPr/>
          </p:nvSpPr>
          <p:spPr>
            <a:xfrm>
              <a:off x="3321191" y="7473242"/>
              <a:ext cx="682977" cy="554284"/>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22" name="Free Form 12">
              <a:extLst>
                <a:ext uri="{FF2B5EF4-FFF2-40B4-BE49-F238E27FC236}">
                  <a16:creationId xmlns:a16="http://schemas.microsoft.com/office/drawing/2014/main" id="{A868C0EC-0E33-24D0-137E-6A99A09FBE6D}"/>
                </a:ext>
              </a:extLst>
            </p:cNvPr>
            <p:cNvSpPr/>
            <p:nvPr/>
          </p:nvSpPr>
          <p:spPr>
            <a:xfrm>
              <a:off x="2371794" y="6667209"/>
              <a:ext cx="682978" cy="554296"/>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2977" y="538491"/>
                    <a:pt x="667173"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23" name="Free Form 13">
              <a:extLst>
                <a:ext uri="{FF2B5EF4-FFF2-40B4-BE49-F238E27FC236}">
                  <a16:creationId xmlns:a16="http://schemas.microsoft.com/office/drawing/2014/main" id="{4880F763-F4E9-BA9C-EC78-1BDA7579550E}"/>
                </a:ext>
              </a:extLst>
            </p:cNvPr>
            <p:cNvSpPr/>
            <p:nvPr/>
          </p:nvSpPr>
          <p:spPr>
            <a:xfrm>
              <a:off x="2371794" y="7473242"/>
              <a:ext cx="682978" cy="554284"/>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2977" y="538491"/>
                    <a:pt x="667173"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24" name="Free Form 14">
              <a:extLst>
                <a:ext uri="{FF2B5EF4-FFF2-40B4-BE49-F238E27FC236}">
                  <a16:creationId xmlns:a16="http://schemas.microsoft.com/office/drawing/2014/main" id="{60B34FC4-2839-57E3-8C6F-43F856D7AB89}"/>
                </a:ext>
              </a:extLst>
            </p:cNvPr>
            <p:cNvSpPr/>
            <p:nvPr/>
          </p:nvSpPr>
          <p:spPr>
            <a:xfrm>
              <a:off x="1227099" y="9595557"/>
              <a:ext cx="9723121" cy="428978"/>
            </a:xfrm>
            <a:custGeom>
              <a:avLst/>
              <a:gdLst/>
              <a:ahLst/>
              <a:cxnLst/>
              <a:rect l="0" t="0" r="0" b="0"/>
              <a:pathLst>
                <a:path w="9723120" h="428977">
                  <a:moveTo>
                    <a:pt x="9675706" y="428977"/>
                  </a:moveTo>
                  <a:lnTo>
                    <a:pt x="25964" y="428977"/>
                  </a:lnTo>
                  <a:cubicBezTo>
                    <a:pt x="0" y="428977"/>
                    <a:pt x="25964" y="407528"/>
                    <a:pt x="25964" y="381564"/>
                  </a:cubicBezTo>
                  <a:lnTo>
                    <a:pt x="25964" y="47413"/>
                  </a:lnTo>
                  <a:cubicBezTo>
                    <a:pt x="25964" y="21437"/>
                    <a:pt x="0" y="0"/>
                    <a:pt x="25964" y="0"/>
                  </a:cubicBezTo>
                  <a:lnTo>
                    <a:pt x="9675706" y="0"/>
                  </a:lnTo>
                  <a:cubicBezTo>
                    <a:pt x="9701671" y="0"/>
                    <a:pt x="9723120" y="21437"/>
                    <a:pt x="9723120" y="47413"/>
                  </a:cubicBezTo>
                  <a:lnTo>
                    <a:pt x="9723120" y="381564"/>
                  </a:lnTo>
                  <a:cubicBezTo>
                    <a:pt x="9723120" y="407528"/>
                    <a:pt x="9701671" y="428977"/>
                    <a:pt x="9675706" y="428977"/>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grpSp>
      <p:pic>
        <p:nvPicPr>
          <p:cNvPr id="125" name="Picture 124">
            <a:extLst>
              <a:ext uri="{FF2B5EF4-FFF2-40B4-BE49-F238E27FC236}">
                <a16:creationId xmlns:a16="http://schemas.microsoft.com/office/drawing/2014/main" id="{EB5673ED-3A33-9FEA-E432-A4E86FDE2A18}"/>
              </a:ext>
            </a:extLst>
          </p:cNvPr>
          <p:cNvPicPr>
            <a:picLocks noChangeAspect="1"/>
          </p:cNvPicPr>
          <p:nvPr/>
        </p:nvPicPr>
        <p:blipFill>
          <a:blip r:embed="rId12"/>
          <a:stretch>
            <a:fillRect/>
          </a:stretch>
        </p:blipFill>
        <p:spPr>
          <a:xfrm>
            <a:off x="1472914" y="3846378"/>
            <a:ext cx="484893" cy="402036"/>
          </a:xfrm>
          <a:prstGeom prst="rect">
            <a:avLst/>
          </a:prstGeom>
        </p:spPr>
      </p:pic>
      <p:pic>
        <p:nvPicPr>
          <p:cNvPr id="126" name="Picture 125">
            <a:extLst>
              <a:ext uri="{FF2B5EF4-FFF2-40B4-BE49-F238E27FC236}">
                <a16:creationId xmlns:a16="http://schemas.microsoft.com/office/drawing/2014/main" id="{03DD15CB-6805-EBA9-FE6A-904088810A61}"/>
              </a:ext>
            </a:extLst>
          </p:cNvPr>
          <p:cNvPicPr>
            <a:picLocks noChangeAspect="1"/>
          </p:cNvPicPr>
          <p:nvPr/>
        </p:nvPicPr>
        <p:blipFill>
          <a:blip r:embed="rId12"/>
          <a:stretch>
            <a:fillRect/>
          </a:stretch>
        </p:blipFill>
        <p:spPr>
          <a:xfrm>
            <a:off x="2914982" y="3846378"/>
            <a:ext cx="484893" cy="402036"/>
          </a:xfrm>
          <a:prstGeom prst="rect">
            <a:avLst/>
          </a:prstGeom>
        </p:spPr>
      </p:pic>
      <p:sp>
        <p:nvSpPr>
          <p:cNvPr id="127" name="Rectangle: Rounded Corners 97">
            <a:extLst>
              <a:ext uri="{FF2B5EF4-FFF2-40B4-BE49-F238E27FC236}">
                <a16:creationId xmlns:a16="http://schemas.microsoft.com/office/drawing/2014/main" id="{68FCEB1F-726E-D489-5D42-CEA636E194B2}"/>
              </a:ext>
            </a:extLst>
          </p:cNvPr>
          <p:cNvSpPr/>
          <p:nvPr/>
        </p:nvSpPr>
        <p:spPr>
          <a:xfrm>
            <a:off x="1775251" y="3181933"/>
            <a:ext cx="1338061" cy="389962"/>
          </a:xfrm>
          <a:prstGeom prst="roundRect">
            <a:avLst/>
          </a:prstGeom>
          <a:solidFill>
            <a:schemeClr val="accent2"/>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dirty="0" err="1">
                <a:latin typeface="Rubik" pitchFamily="2" charset="-79"/>
                <a:cs typeface="Rubik" pitchFamily="2" charset="-79"/>
              </a:rPr>
              <a:t>Group</a:t>
            </a:r>
            <a:r>
              <a:rPr lang="es-ES" dirty="0">
                <a:latin typeface="Rubik" pitchFamily="2" charset="-79"/>
                <a:cs typeface="Rubik" pitchFamily="2" charset="-79"/>
              </a:rPr>
              <a:t> 1</a:t>
            </a:r>
          </a:p>
        </p:txBody>
      </p:sp>
      <p:sp>
        <p:nvSpPr>
          <p:cNvPr id="130" name="Rectangle: Rounded Corners 97">
            <a:extLst>
              <a:ext uri="{FF2B5EF4-FFF2-40B4-BE49-F238E27FC236}">
                <a16:creationId xmlns:a16="http://schemas.microsoft.com/office/drawing/2014/main" id="{4027EB83-DE75-D27C-C154-9007AE0A77D3}"/>
              </a:ext>
            </a:extLst>
          </p:cNvPr>
          <p:cNvSpPr/>
          <p:nvPr/>
        </p:nvSpPr>
        <p:spPr>
          <a:xfrm>
            <a:off x="4336753" y="3194947"/>
            <a:ext cx="1338061" cy="39534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dirty="0" err="1">
                <a:latin typeface="Rubik" pitchFamily="2" charset="-79"/>
                <a:cs typeface="Rubik" pitchFamily="2" charset="-79"/>
              </a:rPr>
              <a:t>Group</a:t>
            </a:r>
            <a:r>
              <a:rPr lang="es-ES" dirty="0">
                <a:latin typeface="Rubik" pitchFamily="2" charset="-79"/>
                <a:cs typeface="Rubik" pitchFamily="2" charset="-79"/>
              </a:rPr>
              <a:t> 2</a:t>
            </a:r>
          </a:p>
        </p:txBody>
      </p:sp>
      <p:sp>
        <p:nvSpPr>
          <p:cNvPr id="131" name="Rectangle: Rounded Corners 98">
            <a:extLst>
              <a:ext uri="{FF2B5EF4-FFF2-40B4-BE49-F238E27FC236}">
                <a16:creationId xmlns:a16="http://schemas.microsoft.com/office/drawing/2014/main" id="{59D87DA1-E3FA-3D91-DAEB-1897CDC30D03}"/>
              </a:ext>
            </a:extLst>
          </p:cNvPr>
          <p:cNvSpPr/>
          <p:nvPr/>
        </p:nvSpPr>
        <p:spPr>
          <a:xfrm>
            <a:off x="3046028" y="2337505"/>
            <a:ext cx="1355150" cy="402657"/>
          </a:xfrm>
          <a:prstGeom prst="roundRect">
            <a:avLst/>
          </a:prstGeom>
          <a:solidFill>
            <a:schemeClr val="tx2"/>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n-US" dirty="0">
                <a:latin typeface="Rubik" pitchFamily="2" charset="-79"/>
                <a:cs typeface="Rubik" pitchFamily="2" charset="-79"/>
              </a:rPr>
              <a:t>Group set</a:t>
            </a:r>
          </a:p>
        </p:txBody>
      </p:sp>
      <p:pic>
        <p:nvPicPr>
          <p:cNvPr id="139" name="Graphic 3" descr="Arrow: Counter-clockwise curve with solid fill">
            <a:extLst>
              <a:ext uri="{FF2B5EF4-FFF2-40B4-BE49-F238E27FC236}">
                <a16:creationId xmlns:a16="http://schemas.microsoft.com/office/drawing/2014/main" id="{57AE415F-D136-3B34-DCAC-6B03FFB8B127}"/>
              </a:ext>
            </a:extLst>
          </p:cNvPr>
          <p:cNvPicPr>
            <a:picLocks noChangeAspect="1"/>
          </p:cNvPicPr>
          <p:nvPr/>
        </p:nvPicPr>
        <p:blipFill>
          <a:blip r:embed="rId13" cstate="hqprint">
            <a:extLst>
              <a:ext uri="{28A0092B-C50C-407E-A947-70E740481C1C}">
                <a14:useLocalDpi xmlns:a14="http://schemas.microsoft.com/office/drawing/2010/main" val="0"/>
              </a:ext>
              <a:ext uri="{96DAC541-7B7A-43D3-8B79-37D633B846F1}">
                <asvg:svgBlip xmlns:asvg="http://schemas.microsoft.com/office/drawing/2016/SVG/main" r:embed="rId14"/>
              </a:ext>
            </a:extLst>
          </a:blip>
          <a:stretch>
            <a:fillRect/>
          </a:stretch>
        </p:blipFill>
        <p:spPr>
          <a:xfrm rot="20396401">
            <a:off x="4477643" y="2585160"/>
            <a:ext cx="576983" cy="576983"/>
          </a:xfrm>
          <a:prstGeom prst="rect">
            <a:avLst/>
          </a:prstGeom>
        </p:spPr>
      </p:pic>
      <p:pic>
        <p:nvPicPr>
          <p:cNvPr id="140" name="Graphic 5" descr="Arrow: Clockwise curve with solid fill">
            <a:extLst>
              <a:ext uri="{FF2B5EF4-FFF2-40B4-BE49-F238E27FC236}">
                <a16:creationId xmlns:a16="http://schemas.microsoft.com/office/drawing/2014/main" id="{C3B2D6A2-951F-D028-77E9-610E9470C308}"/>
              </a:ext>
            </a:extLst>
          </p:cNvPr>
          <p:cNvPicPr>
            <a:picLocks noChangeAspect="1"/>
          </p:cNvPicPr>
          <p:nvPr/>
        </p:nvPicPr>
        <p:blipFill>
          <a:blip r:embed="rId15" cstate="hqprint">
            <a:extLst>
              <a:ext uri="{28A0092B-C50C-407E-A947-70E740481C1C}">
                <a14:useLocalDpi xmlns:a14="http://schemas.microsoft.com/office/drawing/2010/main" val="0"/>
              </a:ext>
              <a:ext uri="{96DAC541-7B7A-43D3-8B79-37D633B846F1}">
                <asvg:svgBlip xmlns:asvg="http://schemas.microsoft.com/office/drawing/2016/SVG/main" r:embed="rId16"/>
              </a:ext>
            </a:extLst>
          </a:blip>
          <a:stretch>
            <a:fillRect/>
          </a:stretch>
        </p:blipFill>
        <p:spPr>
          <a:xfrm rot="3884573">
            <a:off x="2425418" y="2558192"/>
            <a:ext cx="576983" cy="576983"/>
          </a:xfrm>
          <a:prstGeom prst="rect">
            <a:avLst/>
          </a:prstGeom>
        </p:spPr>
      </p:pic>
      <p:sp>
        <p:nvSpPr>
          <p:cNvPr id="141" name="TextBox 140">
            <a:extLst>
              <a:ext uri="{FF2B5EF4-FFF2-40B4-BE49-F238E27FC236}">
                <a16:creationId xmlns:a16="http://schemas.microsoft.com/office/drawing/2014/main" id="{26E39213-8AF1-3E80-1055-D411D2FA030C}"/>
              </a:ext>
            </a:extLst>
          </p:cNvPr>
          <p:cNvSpPr txBox="1"/>
          <p:nvPr/>
        </p:nvSpPr>
        <p:spPr>
          <a:xfrm>
            <a:off x="6578314" y="3154036"/>
            <a:ext cx="4318286" cy="910827"/>
          </a:xfrm>
          <a:prstGeom prst="rect">
            <a:avLst/>
          </a:prstGeom>
          <a:noFill/>
        </p:spPr>
        <p:txBody>
          <a:bodyPr wrap="square" rtlCol="0">
            <a:spAutoFit/>
          </a:bodyPr>
          <a:lstStyle/>
          <a:p>
            <a:pPr marL="342900" indent="-342900" algn="l">
              <a:lnSpc>
                <a:spcPts val="3300"/>
              </a:lnSpc>
              <a:buClr>
                <a:srgbClr val="008CCF"/>
              </a:buClr>
              <a:buFont typeface="Rubik" pitchFamily="2" charset="-79"/>
              <a:buChar char="•"/>
            </a:pPr>
            <a:r>
              <a:rPr lang="es-ES" sz="2400"/>
              <a:t>How to create these classifications in DHIS2</a:t>
            </a:r>
          </a:p>
        </p:txBody>
      </p:sp>
      <p:pic>
        <p:nvPicPr>
          <p:cNvPr id="142" name="Picture 141">
            <a:extLst>
              <a:ext uri="{FF2B5EF4-FFF2-40B4-BE49-F238E27FC236}">
                <a16:creationId xmlns:a16="http://schemas.microsoft.com/office/drawing/2014/main" id="{B2771E76-ADFA-F8BC-07EF-3635BB22BC39}"/>
              </a:ext>
            </a:extLst>
          </p:cNvPr>
          <p:cNvPicPr>
            <a:picLocks noChangeAspect="1"/>
          </p:cNvPicPr>
          <p:nvPr/>
        </p:nvPicPr>
        <p:blipFill>
          <a:blip r:embed="rId12"/>
          <a:stretch>
            <a:fillRect/>
          </a:stretch>
        </p:blipFill>
        <p:spPr>
          <a:xfrm>
            <a:off x="2193948" y="3846379"/>
            <a:ext cx="484892" cy="402035"/>
          </a:xfrm>
          <a:prstGeom prst="rect">
            <a:avLst/>
          </a:prstGeom>
        </p:spPr>
      </p:pic>
      <p:grpSp>
        <p:nvGrpSpPr>
          <p:cNvPr id="143" name="Group 2">
            <a:extLst>
              <a:ext uri="{FF2B5EF4-FFF2-40B4-BE49-F238E27FC236}">
                <a16:creationId xmlns:a16="http://schemas.microsoft.com/office/drawing/2014/main" id="{14F9E1CE-6633-7BE6-CC19-E5D14FD45FD1}"/>
              </a:ext>
            </a:extLst>
          </p:cNvPr>
          <p:cNvGrpSpPr/>
          <p:nvPr/>
        </p:nvGrpSpPr>
        <p:grpSpPr>
          <a:xfrm>
            <a:off x="4052377" y="3831549"/>
            <a:ext cx="496369" cy="405357"/>
            <a:chOff x="1227099" y="2167452"/>
            <a:chExt cx="9723121" cy="7857083"/>
          </a:xfrm>
          <a:noFill/>
        </p:grpSpPr>
        <p:sp>
          <p:nvSpPr>
            <p:cNvPr id="144" name="Free Form 3">
              <a:extLst>
                <a:ext uri="{FF2B5EF4-FFF2-40B4-BE49-F238E27FC236}">
                  <a16:creationId xmlns:a16="http://schemas.microsoft.com/office/drawing/2014/main" id="{5512018A-C34E-009F-7912-344EAB92DEDD}"/>
                </a:ext>
              </a:extLst>
            </p:cNvPr>
            <p:cNvSpPr/>
            <p:nvPr/>
          </p:nvSpPr>
          <p:spPr>
            <a:xfrm>
              <a:off x="1645907" y="2167452"/>
              <a:ext cx="8818876" cy="7854804"/>
            </a:xfrm>
            <a:custGeom>
              <a:avLst/>
              <a:gdLst/>
              <a:ahLst/>
              <a:cxnLst/>
              <a:rect l="0" t="0" r="0" b="0"/>
              <a:pathLst>
                <a:path w="8818880" h="7854808">
                  <a:moveTo>
                    <a:pt x="8711635" y="3025422"/>
                  </a:moveTo>
                  <a:lnTo>
                    <a:pt x="6856871" y="3025422"/>
                  </a:lnTo>
                  <a:cubicBezTo>
                    <a:pt x="6797040" y="3025422"/>
                    <a:pt x="6749626" y="2976880"/>
                    <a:pt x="6749626" y="2918177"/>
                  </a:cubicBezTo>
                  <a:lnTo>
                    <a:pt x="6749626" y="107244"/>
                  </a:lnTo>
                  <a:cubicBezTo>
                    <a:pt x="6749626" y="47413"/>
                    <a:pt x="6701084" y="0"/>
                    <a:pt x="6642382" y="0"/>
                  </a:cubicBezTo>
                  <a:lnTo>
                    <a:pt x="6635608" y="0"/>
                  </a:lnTo>
                  <a:lnTo>
                    <a:pt x="2184400" y="0"/>
                  </a:lnTo>
                  <a:lnTo>
                    <a:pt x="2177626" y="0"/>
                  </a:lnTo>
                  <a:cubicBezTo>
                    <a:pt x="2117795" y="0"/>
                    <a:pt x="2070382" y="48542"/>
                    <a:pt x="2070382" y="107244"/>
                  </a:cubicBezTo>
                  <a:lnTo>
                    <a:pt x="2070382" y="2918177"/>
                  </a:lnTo>
                  <a:cubicBezTo>
                    <a:pt x="2070382" y="2978008"/>
                    <a:pt x="2021840" y="3025422"/>
                    <a:pt x="1963137" y="3025422"/>
                  </a:cubicBezTo>
                  <a:lnTo>
                    <a:pt x="107244" y="3025422"/>
                  </a:lnTo>
                  <a:cubicBezTo>
                    <a:pt x="47413" y="3025422"/>
                    <a:pt x="0" y="3073964"/>
                    <a:pt x="0" y="3132666"/>
                  </a:cubicBezTo>
                  <a:lnTo>
                    <a:pt x="0" y="7747564"/>
                  </a:lnTo>
                  <a:cubicBezTo>
                    <a:pt x="0" y="7807395"/>
                    <a:pt x="48542" y="7854808"/>
                    <a:pt x="107244" y="7854808"/>
                  </a:cubicBezTo>
                  <a:lnTo>
                    <a:pt x="2184400" y="7854808"/>
                  </a:lnTo>
                  <a:lnTo>
                    <a:pt x="6633351" y="7854808"/>
                  </a:lnTo>
                  <a:lnTo>
                    <a:pt x="8710506" y="7854808"/>
                  </a:lnTo>
                  <a:cubicBezTo>
                    <a:pt x="8770337" y="7854808"/>
                    <a:pt x="8817751" y="7806266"/>
                    <a:pt x="8817751" y="7747564"/>
                  </a:cubicBezTo>
                  <a:lnTo>
                    <a:pt x="8817751" y="3133795"/>
                  </a:lnTo>
                  <a:cubicBezTo>
                    <a:pt x="8818880" y="3073964"/>
                    <a:pt x="8770337" y="3025422"/>
                    <a:pt x="8711635" y="3025422"/>
                  </a:cubicBezTo>
                  <a:close/>
                </a:path>
              </a:pathLst>
            </a:custGeom>
            <a:solidFill>
              <a:srgbClr val="083370">
                <a:alpha val="100000"/>
              </a:srgbClr>
            </a:solidFill>
            <a:ln w="0" cap="flat" cmpd="sng">
              <a:noFill/>
              <a:prstDash val="solid"/>
              <a:miter lim="800000"/>
            </a:ln>
          </p:spPr>
          <p:txBody>
            <a:bodyPr anchor="ctr">
              <a:spAutoFit/>
            </a:bodyPr>
            <a:lstStyle/>
            <a:p>
              <a:pPr algn="ctr"/>
              <a:endParaRPr lang="en-US"/>
            </a:p>
          </p:txBody>
        </p:sp>
        <p:sp>
          <p:nvSpPr>
            <p:cNvPr id="145" name="Free Form 4">
              <a:extLst>
                <a:ext uri="{FF2B5EF4-FFF2-40B4-BE49-F238E27FC236}">
                  <a16:creationId xmlns:a16="http://schemas.microsoft.com/office/drawing/2014/main" id="{DD4DBE00-048A-06C7-4B57-B170203686AF}"/>
                </a:ext>
              </a:extLst>
            </p:cNvPr>
            <p:cNvSpPr/>
            <p:nvPr/>
          </p:nvSpPr>
          <p:spPr>
            <a:xfrm>
              <a:off x="5235788" y="3535677"/>
              <a:ext cx="1693334" cy="1693334"/>
            </a:xfrm>
            <a:custGeom>
              <a:avLst/>
              <a:gdLst/>
              <a:ahLst/>
              <a:cxnLst/>
              <a:rect l="0" t="0" r="0" b="0"/>
              <a:pathLst>
                <a:path w="1693333" h="1693333">
                  <a:moveTo>
                    <a:pt x="1663982" y="570088"/>
                  </a:moveTo>
                  <a:lnTo>
                    <a:pt x="1152595" y="570088"/>
                  </a:lnTo>
                  <a:cubicBezTo>
                    <a:pt x="1136791" y="570088"/>
                    <a:pt x="1123244" y="556542"/>
                    <a:pt x="1123244" y="540737"/>
                  </a:cubicBezTo>
                  <a:lnTo>
                    <a:pt x="1123244" y="29351"/>
                  </a:lnTo>
                  <a:cubicBezTo>
                    <a:pt x="1123244" y="13546"/>
                    <a:pt x="1109686" y="0"/>
                    <a:pt x="1093893" y="0"/>
                  </a:cubicBezTo>
                  <a:lnTo>
                    <a:pt x="599440" y="0"/>
                  </a:lnTo>
                  <a:cubicBezTo>
                    <a:pt x="583635" y="0"/>
                    <a:pt x="570088" y="13546"/>
                    <a:pt x="570088" y="29351"/>
                  </a:cubicBezTo>
                  <a:lnTo>
                    <a:pt x="570088" y="540737"/>
                  </a:lnTo>
                  <a:cubicBezTo>
                    <a:pt x="570088" y="556542"/>
                    <a:pt x="556542" y="570088"/>
                    <a:pt x="540737" y="570088"/>
                  </a:cubicBezTo>
                  <a:lnTo>
                    <a:pt x="29351" y="570088"/>
                  </a:lnTo>
                  <a:cubicBezTo>
                    <a:pt x="13546" y="570088"/>
                    <a:pt x="0" y="583635"/>
                    <a:pt x="0" y="599440"/>
                  </a:cubicBezTo>
                  <a:lnTo>
                    <a:pt x="0" y="1093893"/>
                  </a:lnTo>
                  <a:cubicBezTo>
                    <a:pt x="0" y="1109697"/>
                    <a:pt x="13546" y="1123244"/>
                    <a:pt x="29351" y="1123244"/>
                  </a:cubicBezTo>
                  <a:lnTo>
                    <a:pt x="540737" y="1123244"/>
                  </a:lnTo>
                  <a:cubicBezTo>
                    <a:pt x="556542" y="1123244"/>
                    <a:pt x="570088" y="1136791"/>
                    <a:pt x="570088" y="1152595"/>
                  </a:cubicBezTo>
                  <a:lnTo>
                    <a:pt x="570088" y="1663982"/>
                  </a:lnTo>
                  <a:cubicBezTo>
                    <a:pt x="570088" y="1679786"/>
                    <a:pt x="583635" y="1693333"/>
                    <a:pt x="599440" y="1693333"/>
                  </a:cubicBezTo>
                  <a:lnTo>
                    <a:pt x="1093893" y="1693333"/>
                  </a:lnTo>
                  <a:cubicBezTo>
                    <a:pt x="1109686" y="1693333"/>
                    <a:pt x="1123244" y="1679786"/>
                    <a:pt x="1123244" y="1663982"/>
                  </a:cubicBezTo>
                  <a:lnTo>
                    <a:pt x="1123244" y="1152595"/>
                  </a:lnTo>
                  <a:cubicBezTo>
                    <a:pt x="1123244" y="1136791"/>
                    <a:pt x="1136791" y="1123244"/>
                    <a:pt x="1152595" y="1123244"/>
                  </a:cubicBezTo>
                  <a:lnTo>
                    <a:pt x="1663982" y="1123244"/>
                  </a:lnTo>
                  <a:cubicBezTo>
                    <a:pt x="1679775" y="1123244"/>
                    <a:pt x="1693333" y="1109697"/>
                    <a:pt x="1693333" y="1093893"/>
                  </a:cubicBezTo>
                  <a:lnTo>
                    <a:pt x="1693333" y="599440"/>
                  </a:lnTo>
                  <a:cubicBezTo>
                    <a:pt x="1693333" y="583635"/>
                    <a:pt x="1679775" y="570088"/>
                    <a:pt x="1663982" y="570088"/>
                  </a:cubicBezTo>
                  <a:close/>
                </a:path>
              </a:pathLst>
            </a:custGeom>
            <a:solidFill>
              <a:srgbClr val="FF8F02">
                <a:alpha val="100000"/>
              </a:srgbClr>
            </a:solidFill>
            <a:ln w="0" cap="flat" cmpd="sng">
              <a:noFill/>
              <a:prstDash val="solid"/>
              <a:miter lim="800000"/>
            </a:ln>
          </p:spPr>
          <p:txBody>
            <a:bodyPr anchor="ctr">
              <a:spAutoFit/>
            </a:bodyPr>
            <a:lstStyle/>
            <a:p>
              <a:pPr algn="ctr"/>
              <a:endParaRPr lang="en-US"/>
            </a:p>
          </p:txBody>
        </p:sp>
        <p:sp>
          <p:nvSpPr>
            <p:cNvPr id="146" name="Free Form 5">
              <a:extLst>
                <a:ext uri="{FF2B5EF4-FFF2-40B4-BE49-F238E27FC236}">
                  <a16:creationId xmlns:a16="http://schemas.microsoft.com/office/drawing/2014/main" id="{AB43D9CA-BEA4-FF03-F53D-57CFA5BE606D}"/>
                </a:ext>
              </a:extLst>
            </p:cNvPr>
            <p:cNvSpPr/>
            <p:nvPr/>
          </p:nvSpPr>
          <p:spPr>
            <a:xfrm>
              <a:off x="5528168" y="7765624"/>
              <a:ext cx="1107440" cy="2248747"/>
            </a:xfrm>
            <a:custGeom>
              <a:avLst/>
              <a:gdLst/>
              <a:ahLst/>
              <a:cxnLst/>
              <a:rect l="0" t="0" r="0" b="0"/>
              <a:pathLst>
                <a:path w="1107440" h="2248746">
                  <a:moveTo>
                    <a:pt x="1070186" y="2248746"/>
                  </a:moveTo>
                  <a:lnTo>
                    <a:pt x="36124" y="2248746"/>
                  </a:lnTo>
                  <a:cubicBezTo>
                    <a:pt x="15804" y="2248746"/>
                    <a:pt x="0" y="2231813"/>
                    <a:pt x="0" y="2212622"/>
                  </a:cubicBezTo>
                  <a:lnTo>
                    <a:pt x="0" y="36124"/>
                  </a:lnTo>
                  <a:cubicBezTo>
                    <a:pt x="0" y="15804"/>
                    <a:pt x="16933" y="0"/>
                    <a:pt x="36124" y="0"/>
                  </a:cubicBezTo>
                  <a:lnTo>
                    <a:pt x="1070186" y="0"/>
                  </a:lnTo>
                  <a:cubicBezTo>
                    <a:pt x="1090506" y="0"/>
                    <a:pt x="1106311" y="16933"/>
                    <a:pt x="1106311" y="36124"/>
                  </a:cubicBezTo>
                  <a:lnTo>
                    <a:pt x="1106311" y="2211493"/>
                  </a:lnTo>
                  <a:cubicBezTo>
                    <a:pt x="1107440" y="2231813"/>
                    <a:pt x="1090506" y="2248746"/>
                    <a:pt x="1070186" y="2248746"/>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47" name="Free Form 6">
              <a:extLst>
                <a:ext uri="{FF2B5EF4-FFF2-40B4-BE49-F238E27FC236}">
                  <a16:creationId xmlns:a16="http://schemas.microsoft.com/office/drawing/2014/main" id="{DC92D29F-27BD-DF61-F2A4-507CD15CDEF5}"/>
                </a:ext>
              </a:extLst>
            </p:cNvPr>
            <p:cNvSpPr/>
            <p:nvPr/>
          </p:nvSpPr>
          <p:spPr>
            <a:xfrm>
              <a:off x="9010791" y="6667209"/>
              <a:ext cx="682977" cy="554296"/>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48" name="Free Form 7">
              <a:extLst>
                <a:ext uri="{FF2B5EF4-FFF2-40B4-BE49-F238E27FC236}">
                  <a16:creationId xmlns:a16="http://schemas.microsoft.com/office/drawing/2014/main" id="{A801B1F9-B79D-4764-3553-6E682375EA9D}"/>
                </a:ext>
              </a:extLst>
            </p:cNvPr>
            <p:cNvSpPr/>
            <p:nvPr/>
          </p:nvSpPr>
          <p:spPr>
            <a:xfrm>
              <a:off x="9010791" y="7473242"/>
              <a:ext cx="682977" cy="554284"/>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49" name="Free Form 8">
              <a:extLst>
                <a:ext uri="{FF2B5EF4-FFF2-40B4-BE49-F238E27FC236}">
                  <a16:creationId xmlns:a16="http://schemas.microsoft.com/office/drawing/2014/main" id="{A2406D62-7024-53E7-FC8E-D99784D9E227}"/>
                </a:ext>
              </a:extLst>
            </p:cNvPr>
            <p:cNvSpPr/>
            <p:nvPr/>
          </p:nvSpPr>
          <p:spPr>
            <a:xfrm>
              <a:off x="8061388" y="6667209"/>
              <a:ext cx="682978" cy="554296"/>
            </a:xfrm>
            <a:custGeom>
              <a:avLst/>
              <a:gdLst/>
              <a:ahLst/>
              <a:cxnLst/>
              <a:rect l="0" t="0" r="0" b="0"/>
              <a:pathLst>
                <a:path w="682977" h="554295">
                  <a:moveTo>
                    <a:pt x="646864" y="554295"/>
                  </a:moveTo>
                  <a:lnTo>
                    <a:pt x="36124" y="554295"/>
                  </a:lnTo>
                  <a:cubicBezTo>
                    <a:pt x="16933" y="554295"/>
                    <a:pt x="0" y="538491"/>
                    <a:pt x="0" y="518171"/>
                  </a:cubicBezTo>
                  <a:lnTo>
                    <a:pt x="0" y="36135"/>
                  </a:lnTo>
                  <a:cubicBezTo>
                    <a:pt x="0" y="16933"/>
                    <a:pt x="15815" y="0"/>
                    <a:pt x="36124" y="0"/>
                  </a:cubicBezTo>
                  <a:lnTo>
                    <a:pt x="646864" y="0"/>
                  </a:lnTo>
                  <a:cubicBezTo>
                    <a:pt x="666044" y="0"/>
                    <a:pt x="682977" y="15815"/>
                    <a:pt x="682977" y="36135"/>
                  </a:cubicBezTo>
                  <a:lnTo>
                    <a:pt x="682977" y="518171"/>
                  </a:lnTo>
                  <a:cubicBezTo>
                    <a:pt x="682977" y="538491"/>
                    <a:pt x="667184" y="554295"/>
                    <a:pt x="646864"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50" name="Free Form 9">
              <a:extLst>
                <a:ext uri="{FF2B5EF4-FFF2-40B4-BE49-F238E27FC236}">
                  <a16:creationId xmlns:a16="http://schemas.microsoft.com/office/drawing/2014/main" id="{83309097-7B18-DFBB-E2A4-332716D4E9E6}"/>
                </a:ext>
              </a:extLst>
            </p:cNvPr>
            <p:cNvSpPr/>
            <p:nvPr/>
          </p:nvSpPr>
          <p:spPr>
            <a:xfrm>
              <a:off x="8061388" y="7473242"/>
              <a:ext cx="682978" cy="554284"/>
            </a:xfrm>
            <a:custGeom>
              <a:avLst/>
              <a:gdLst/>
              <a:ahLst/>
              <a:cxnLst/>
              <a:rect l="0" t="0" r="0" b="0"/>
              <a:pathLst>
                <a:path w="682977" h="554284">
                  <a:moveTo>
                    <a:pt x="646864" y="554284"/>
                  </a:moveTo>
                  <a:lnTo>
                    <a:pt x="36124" y="554284"/>
                  </a:lnTo>
                  <a:cubicBezTo>
                    <a:pt x="16933" y="554284"/>
                    <a:pt x="0" y="538491"/>
                    <a:pt x="0" y="518160"/>
                  </a:cubicBezTo>
                  <a:lnTo>
                    <a:pt x="0" y="36135"/>
                  </a:lnTo>
                  <a:cubicBezTo>
                    <a:pt x="0" y="16933"/>
                    <a:pt x="15815" y="0"/>
                    <a:pt x="36124" y="0"/>
                  </a:cubicBezTo>
                  <a:lnTo>
                    <a:pt x="646864" y="0"/>
                  </a:lnTo>
                  <a:cubicBezTo>
                    <a:pt x="666044" y="0"/>
                    <a:pt x="682977" y="15804"/>
                    <a:pt x="682977" y="36135"/>
                  </a:cubicBezTo>
                  <a:lnTo>
                    <a:pt x="682977" y="519288"/>
                  </a:lnTo>
                  <a:cubicBezTo>
                    <a:pt x="682977" y="538491"/>
                    <a:pt x="667184" y="554284"/>
                    <a:pt x="646864"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51" name="Free Form 10">
              <a:extLst>
                <a:ext uri="{FF2B5EF4-FFF2-40B4-BE49-F238E27FC236}">
                  <a16:creationId xmlns:a16="http://schemas.microsoft.com/office/drawing/2014/main" id="{AC586CA1-BFE6-F8AC-0E47-C9D4600E3A4E}"/>
                </a:ext>
              </a:extLst>
            </p:cNvPr>
            <p:cNvSpPr/>
            <p:nvPr/>
          </p:nvSpPr>
          <p:spPr>
            <a:xfrm>
              <a:off x="3321191" y="6667209"/>
              <a:ext cx="682977" cy="554296"/>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52" name="Free Form 11">
              <a:extLst>
                <a:ext uri="{FF2B5EF4-FFF2-40B4-BE49-F238E27FC236}">
                  <a16:creationId xmlns:a16="http://schemas.microsoft.com/office/drawing/2014/main" id="{6047C3E0-2364-4A8F-E5C3-86F1AB9F3F39}"/>
                </a:ext>
              </a:extLst>
            </p:cNvPr>
            <p:cNvSpPr/>
            <p:nvPr/>
          </p:nvSpPr>
          <p:spPr>
            <a:xfrm>
              <a:off x="3321191" y="7473242"/>
              <a:ext cx="682977" cy="554284"/>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53" name="Free Form 12">
              <a:extLst>
                <a:ext uri="{FF2B5EF4-FFF2-40B4-BE49-F238E27FC236}">
                  <a16:creationId xmlns:a16="http://schemas.microsoft.com/office/drawing/2014/main" id="{224A7D1A-AD20-A67B-1421-637D160A783F}"/>
                </a:ext>
              </a:extLst>
            </p:cNvPr>
            <p:cNvSpPr/>
            <p:nvPr/>
          </p:nvSpPr>
          <p:spPr>
            <a:xfrm>
              <a:off x="2371794" y="6667209"/>
              <a:ext cx="682978" cy="554296"/>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2977" y="538491"/>
                    <a:pt x="667173"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54" name="Free Form 13">
              <a:extLst>
                <a:ext uri="{FF2B5EF4-FFF2-40B4-BE49-F238E27FC236}">
                  <a16:creationId xmlns:a16="http://schemas.microsoft.com/office/drawing/2014/main" id="{C3A95257-7F99-8346-2BB2-B19A3E47C606}"/>
                </a:ext>
              </a:extLst>
            </p:cNvPr>
            <p:cNvSpPr/>
            <p:nvPr/>
          </p:nvSpPr>
          <p:spPr>
            <a:xfrm>
              <a:off x="2371794" y="7473242"/>
              <a:ext cx="682978" cy="554284"/>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2977" y="538491"/>
                    <a:pt x="667173"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55" name="Free Form 14">
              <a:extLst>
                <a:ext uri="{FF2B5EF4-FFF2-40B4-BE49-F238E27FC236}">
                  <a16:creationId xmlns:a16="http://schemas.microsoft.com/office/drawing/2014/main" id="{89B8C548-C473-4FD6-402F-A521ADD938A8}"/>
                </a:ext>
              </a:extLst>
            </p:cNvPr>
            <p:cNvSpPr/>
            <p:nvPr/>
          </p:nvSpPr>
          <p:spPr>
            <a:xfrm>
              <a:off x="1227099" y="9595557"/>
              <a:ext cx="9723121" cy="428978"/>
            </a:xfrm>
            <a:custGeom>
              <a:avLst/>
              <a:gdLst/>
              <a:ahLst/>
              <a:cxnLst/>
              <a:rect l="0" t="0" r="0" b="0"/>
              <a:pathLst>
                <a:path w="9723120" h="428977">
                  <a:moveTo>
                    <a:pt x="9675706" y="428977"/>
                  </a:moveTo>
                  <a:lnTo>
                    <a:pt x="25964" y="428977"/>
                  </a:lnTo>
                  <a:cubicBezTo>
                    <a:pt x="0" y="428977"/>
                    <a:pt x="25964" y="407528"/>
                    <a:pt x="25964" y="381564"/>
                  </a:cubicBezTo>
                  <a:lnTo>
                    <a:pt x="25964" y="47413"/>
                  </a:lnTo>
                  <a:cubicBezTo>
                    <a:pt x="25964" y="21437"/>
                    <a:pt x="0" y="0"/>
                    <a:pt x="25964" y="0"/>
                  </a:cubicBezTo>
                  <a:lnTo>
                    <a:pt x="9675706" y="0"/>
                  </a:lnTo>
                  <a:cubicBezTo>
                    <a:pt x="9701671" y="0"/>
                    <a:pt x="9723120" y="21437"/>
                    <a:pt x="9723120" y="47413"/>
                  </a:cubicBezTo>
                  <a:lnTo>
                    <a:pt x="9723120" y="381564"/>
                  </a:lnTo>
                  <a:cubicBezTo>
                    <a:pt x="9723120" y="407528"/>
                    <a:pt x="9701671" y="428977"/>
                    <a:pt x="9675706" y="428977"/>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grpSp>
      <p:grpSp>
        <p:nvGrpSpPr>
          <p:cNvPr id="156" name="Group 2">
            <a:extLst>
              <a:ext uri="{FF2B5EF4-FFF2-40B4-BE49-F238E27FC236}">
                <a16:creationId xmlns:a16="http://schemas.microsoft.com/office/drawing/2014/main" id="{F919EE6A-BD9D-70C4-E2F6-E641E1DE56A1}"/>
              </a:ext>
            </a:extLst>
          </p:cNvPr>
          <p:cNvGrpSpPr/>
          <p:nvPr/>
        </p:nvGrpSpPr>
        <p:grpSpPr>
          <a:xfrm>
            <a:off x="5433216" y="3826331"/>
            <a:ext cx="509148" cy="415793"/>
            <a:chOff x="1227099" y="2167452"/>
            <a:chExt cx="9723121" cy="7857083"/>
          </a:xfrm>
          <a:noFill/>
        </p:grpSpPr>
        <p:sp>
          <p:nvSpPr>
            <p:cNvPr id="157" name="Free Form 3">
              <a:extLst>
                <a:ext uri="{FF2B5EF4-FFF2-40B4-BE49-F238E27FC236}">
                  <a16:creationId xmlns:a16="http://schemas.microsoft.com/office/drawing/2014/main" id="{17FB5D18-AC24-E745-9ED1-317AB1EDC50E}"/>
                </a:ext>
              </a:extLst>
            </p:cNvPr>
            <p:cNvSpPr/>
            <p:nvPr/>
          </p:nvSpPr>
          <p:spPr>
            <a:xfrm>
              <a:off x="1645907" y="2167452"/>
              <a:ext cx="8818876" cy="7854804"/>
            </a:xfrm>
            <a:custGeom>
              <a:avLst/>
              <a:gdLst/>
              <a:ahLst/>
              <a:cxnLst/>
              <a:rect l="0" t="0" r="0" b="0"/>
              <a:pathLst>
                <a:path w="8818880" h="7854808">
                  <a:moveTo>
                    <a:pt x="8711635" y="3025422"/>
                  </a:moveTo>
                  <a:lnTo>
                    <a:pt x="6856871" y="3025422"/>
                  </a:lnTo>
                  <a:cubicBezTo>
                    <a:pt x="6797040" y="3025422"/>
                    <a:pt x="6749626" y="2976880"/>
                    <a:pt x="6749626" y="2918177"/>
                  </a:cubicBezTo>
                  <a:lnTo>
                    <a:pt x="6749626" y="107244"/>
                  </a:lnTo>
                  <a:cubicBezTo>
                    <a:pt x="6749626" y="47413"/>
                    <a:pt x="6701084" y="0"/>
                    <a:pt x="6642382" y="0"/>
                  </a:cubicBezTo>
                  <a:lnTo>
                    <a:pt x="6635608" y="0"/>
                  </a:lnTo>
                  <a:lnTo>
                    <a:pt x="2184400" y="0"/>
                  </a:lnTo>
                  <a:lnTo>
                    <a:pt x="2177626" y="0"/>
                  </a:lnTo>
                  <a:cubicBezTo>
                    <a:pt x="2117795" y="0"/>
                    <a:pt x="2070382" y="48542"/>
                    <a:pt x="2070382" y="107244"/>
                  </a:cubicBezTo>
                  <a:lnTo>
                    <a:pt x="2070382" y="2918177"/>
                  </a:lnTo>
                  <a:cubicBezTo>
                    <a:pt x="2070382" y="2978008"/>
                    <a:pt x="2021840" y="3025422"/>
                    <a:pt x="1963137" y="3025422"/>
                  </a:cubicBezTo>
                  <a:lnTo>
                    <a:pt x="107244" y="3025422"/>
                  </a:lnTo>
                  <a:cubicBezTo>
                    <a:pt x="47413" y="3025422"/>
                    <a:pt x="0" y="3073964"/>
                    <a:pt x="0" y="3132666"/>
                  </a:cubicBezTo>
                  <a:lnTo>
                    <a:pt x="0" y="7747564"/>
                  </a:lnTo>
                  <a:cubicBezTo>
                    <a:pt x="0" y="7807395"/>
                    <a:pt x="48542" y="7854808"/>
                    <a:pt x="107244" y="7854808"/>
                  </a:cubicBezTo>
                  <a:lnTo>
                    <a:pt x="2184400" y="7854808"/>
                  </a:lnTo>
                  <a:lnTo>
                    <a:pt x="6633351" y="7854808"/>
                  </a:lnTo>
                  <a:lnTo>
                    <a:pt x="8710506" y="7854808"/>
                  </a:lnTo>
                  <a:cubicBezTo>
                    <a:pt x="8770337" y="7854808"/>
                    <a:pt x="8817751" y="7806266"/>
                    <a:pt x="8817751" y="7747564"/>
                  </a:cubicBezTo>
                  <a:lnTo>
                    <a:pt x="8817751" y="3133795"/>
                  </a:lnTo>
                  <a:cubicBezTo>
                    <a:pt x="8818880" y="3073964"/>
                    <a:pt x="8770337" y="3025422"/>
                    <a:pt x="8711635" y="3025422"/>
                  </a:cubicBezTo>
                  <a:close/>
                </a:path>
              </a:pathLst>
            </a:custGeom>
            <a:solidFill>
              <a:srgbClr val="083370">
                <a:alpha val="100000"/>
              </a:srgbClr>
            </a:solidFill>
            <a:ln w="0" cap="flat" cmpd="sng">
              <a:noFill/>
              <a:prstDash val="solid"/>
              <a:miter lim="800000"/>
            </a:ln>
          </p:spPr>
          <p:txBody>
            <a:bodyPr anchor="ctr">
              <a:spAutoFit/>
            </a:bodyPr>
            <a:lstStyle/>
            <a:p>
              <a:pPr algn="ctr"/>
              <a:endParaRPr lang="en-US"/>
            </a:p>
          </p:txBody>
        </p:sp>
        <p:sp>
          <p:nvSpPr>
            <p:cNvPr id="158" name="Free Form 4">
              <a:extLst>
                <a:ext uri="{FF2B5EF4-FFF2-40B4-BE49-F238E27FC236}">
                  <a16:creationId xmlns:a16="http://schemas.microsoft.com/office/drawing/2014/main" id="{F81D6A39-F512-2B8A-DC19-D69AC74DB192}"/>
                </a:ext>
              </a:extLst>
            </p:cNvPr>
            <p:cNvSpPr/>
            <p:nvPr/>
          </p:nvSpPr>
          <p:spPr>
            <a:xfrm>
              <a:off x="5235788" y="3535677"/>
              <a:ext cx="1693334" cy="1693334"/>
            </a:xfrm>
            <a:custGeom>
              <a:avLst/>
              <a:gdLst/>
              <a:ahLst/>
              <a:cxnLst/>
              <a:rect l="0" t="0" r="0" b="0"/>
              <a:pathLst>
                <a:path w="1693333" h="1693333">
                  <a:moveTo>
                    <a:pt x="1663982" y="570088"/>
                  </a:moveTo>
                  <a:lnTo>
                    <a:pt x="1152595" y="570088"/>
                  </a:lnTo>
                  <a:cubicBezTo>
                    <a:pt x="1136791" y="570088"/>
                    <a:pt x="1123244" y="556542"/>
                    <a:pt x="1123244" y="540737"/>
                  </a:cubicBezTo>
                  <a:lnTo>
                    <a:pt x="1123244" y="29351"/>
                  </a:lnTo>
                  <a:cubicBezTo>
                    <a:pt x="1123244" y="13546"/>
                    <a:pt x="1109686" y="0"/>
                    <a:pt x="1093893" y="0"/>
                  </a:cubicBezTo>
                  <a:lnTo>
                    <a:pt x="599440" y="0"/>
                  </a:lnTo>
                  <a:cubicBezTo>
                    <a:pt x="583635" y="0"/>
                    <a:pt x="570088" y="13546"/>
                    <a:pt x="570088" y="29351"/>
                  </a:cubicBezTo>
                  <a:lnTo>
                    <a:pt x="570088" y="540737"/>
                  </a:lnTo>
                  <a:cubicBezTo>
                    <a:pt x="570088" y="556542"/>
                    <a:pt x="556542" y="570088"/>
                    <a:pt x="540737" y="570088"/>
                  </a:cubicBezTo>
                  <a:lnTo>
                    <a:pt x="29351" y="570088"/>
                  </a:lnTo>
                  <a:cubicBezTo>
                    <a:pt x="13546" y="570088"/>
                    <a:pt x="0" y="583635"/>
                    <a:pt x="0" y="599440"/>
                  </a:cubicBezTo>
                  <a:lnTo>
                    <a:pt x="0" y="1093893"/>
                  </a:lnTo>
                  <a:cubicBezTo>
                    <a:pt x="0" y="1109697"/>
                    <a:pt x="13546" y="1123244"/>
                    <a:pt x="29351" y="1123244"/>
                  </a:cubicBezTo>
                  <a:lnTo>
                    <a:pt x="540737" y="1123244"/>
                  </a:lnTo>
                  <a:cubicBezTo>
                    <a:pt x="556542" y="1123244"/>
                    <a:pt x="570088" y="1136791"/>
                    <a:pt x="570088" y="1152595"/>
                  </a:cubicBezTo>
                  <a:lnTo>
                    <a:pt x="570088" y="1663982"/>
                  </a:lnTo>
                  <a:cubicBezTo>
                    <a:pt x="570088" y="1679786"/>
                    <a:pt x="583635" y="1693333"/>
                    <a:pt x="599440" y="1693333"/>
                  </a:cubicBezTo>
                  <a:lnTo>
                    <a:pt x="1093893" y="1693333"/>
                  </a:lnTo>
                  <a:cubicBezTo>
                    <a:pt x="1109686" y="1693333"/>
                    <a:pt x="1123244" y="1679786"/>
                    <a:pt x="1123244" y="1663982"/>
                  </a:cubicBezTo>
                  <a:lnTo>
                    <a:pt x="1123244" y="1152595"/>
                  </a:lnTo>
                  <a:cubicBezTo>
                    <a:pt x="1123244" y="1136791"/>
                    <a:pt x="1136791" y="1123244"/>
                    <a:pt x="1152595" y="1123244"/>
                  </a:cubicBezTo>
                  <a:lnTo>
                    <a:pt x="1663982" y="1123244"/>
                  </a:lnTo>
                  <a:cubicBezTo>
                    <a:pt x="1679775" y="1123244"/>
                    <a:pt x="1693333" y="1109697"/>
                    <a:pt x="1693333" y="1093893"/>
                  </a:cubicBezTo>
                  <a:lnTo>
                    <a:pt x="1693333" y="599440"/>
                  </a:lnTo>
                  <a:cubicBezTo>
                    <a:pt x="1693333" y="583635"/>
                    <a:pt x="1679775" y="570088"/>
                    <a:pt x="1663982" y="570088"/>
                  </a:cubicBezTo>
                  <a:close/>
                </a:path>
              </a:pathLst>
            </a:custGeom>
            <a:solidFill>
              <a:srgbClr val="FF8F02">
                <a:alpha val="100000"/>
              </a:srgbClr>
            </a:solidFill>
            <a:ln w="0" cap="flat" cmpd="sng">
              <a:noFill/>
              <a:prstDash val="solid"/>
              <a:miter lim="800000"/>
            </a:ln>
          </p:spPr>
          <p:txBody>
            <a:bodyPr anchor="ctr">
              <a:spAutoFit/>
            </a:bodyPr>
            <a:lstStyle/>
            <a:p>
              <a:pPr algn="ctr"/>
              <a:endParaRPr lang="en-US"/>
            </a:p>
          </p:txBody>
        </p:sp>
        <p:sp>
          <p:nvSpPr>
            <p:cNvPr id="159" name="Free Form 5">
              <a:extLst>
                <a:ext uri="{FF2B5EF4-FFF2-40B4-BE49-F238E27FC236}">
                  <a16:creationId xmlns:a16="http://schemas.microsoft.com/office/drawing/2014/main" id="{4C6F56AB-392C-4E1B-A2B6-EFCB9F8E494D}"/>
                </a:ext>
              </a:extLst>
            </p:cNvPr>
            <p:cNvSpPr/>
            <p:nvPr/>
          </p:nvSpPr>
          <p:spPr>
            <a:xfrm>
              <a:off x="5528168" y="7765624"/>
              <a:ext cx="1107440" cy="2248747"/>
            </a:xfrm>
            <a:custGeom>
              <a:avLst/>
              <a:gdLst/>
              <a:ahLst/>
              <a:cxnLst/>
              <a:rect l="0" t="0" r="0" b="0"/>
              <a:pathLst>
                <a:path w="1107440" h="2248746">
                  <a:moveTo>
                    <a:pt x="1070186" y="2248746"/>
                  </a:moveTo>
                  <a:lnTo>
                    <a:pt x="36124" y="2248746"/>
                  </a:lnTo>
                  <a:cubicBezTo>
                    <a:pt x="15804" y="2248746"/>
                    <a:pt x="0" y="2231813"/>
                    <a:pt x="0" y="2212622"/>
                  </a:cubicBezTo>
                  <a:lnTo>
                    <a:pt x="0" y="36124"/>
                  </a:lnTo>
                  <a:cubicBezTo>
                    <a:pt x="0" y="15804"/>
                    <a:pt x="16933" y="0"/>
                    <a:pt x="36124" y="0"/>
                  </a:cubicBezTo>
                  <a:lnTo>
                    <a:pt x="1070186" y="0"/>
                  </a:lnTo>
                  <a:cubicBezTo>
                    <a:pt x="1090506" y="0"/>
                    <a:pt x="1106311" y="16933"/>
                    <a:pt x="1106311" y="36124"/>
                  </a:cubicBezTo>
                  <a:lnTo>
                    <a:pt x="1106311" y="2211493"/>
                  </a:lnTo>
                  <a:cubicBezTo>
                    <a:pt x="1107440" y="2231813"/>
                    <a:pt x="1090506" y="2248746"/>
                    <a:pt x="1070186" y="2248746"/>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60" name="Free Form 6">
              <a:extLst>
                <a:ext uri="{FF2B5EF4-FFF2-40B4-BE49-F238E27FC236}">
                  <a16:creationId xmlns:a16="http://schemas.microsoft.com/office/drawing/2014/main" id="{BEF14056-1C00-7851-E702-A4CAEF404217}"/>
                </a:ext>
              </a:extLst>
            </p:cNvPr>
            <p:cNvSpPr/>
            <p:nvPr/>
          </p:nvSpPr>
          <p:spPr>
            <a:xfrm>
              <a:off x="9010791" y="6667209"/>
              <a:ext cx="682977" cy="554296"/>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61" name="Free Form 7">
              <a:extLst>
                <a:ext uri="{FF2B5EF4-FFF2-40B4-BE49-F238E27FC236}">
                  <a16:creationId xmlns:a16="http://schemas.microsoft.com/office/drawing/2014/main" id="{320594A3-E6B7-0FF0-7E91-70AD6518858F}"/>
                </a:ext>
              </a:extLst>
            </p:cNvPr>
            <p:cNvSpPr/>
            <p:nvPr/>
          </p:nvSpPr>
          <p:spPr>
            <a:xfrm>
              <a:off x="9010791" y="7473242"/>
              <a:ext cx="682977" cy="554284"/>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62" name="Free Form 8">
              <a:extLst>
                <a:ext uri="{FF2B5EF4-FFF2-40B4-BE49-F238E27FC236}">
                  <a16:creationId xmlns:a16="http://schemas.microsoft.com/office/drawing/2014/main" id="{61932126-106A-14D9-6C2A-8024F0841B7D}"/>
                </a:ext>
              </a:extLst>
            </p:cNvPr>
            <p:cNvSpPr/>
            <p:nvPr/>
          </p:nvSpPr>
          <p:spPr>
            <a:xfrm>
              <a:off x="8061388" y="6667209"/>
              <a:ext cx="682978" cy="554296"/>
            </a:xfrm>
            <a:custGeom>
              <a:avLst/>
              <a:gdLst/>
              <a:ahLst/>
              <a:cxnLst/>
              <a:rect l="0" t="0" r="0" b="0"/>
              <a:pathLst>
                <a:path w="682977" h="554295">
                  <a:moveTo>
                    <a:pt x="646864" y="554295"/>
                  </a:moveTo>
                  <a:lnTo>
                    <a:pt x="36124" y="554295"/>
                  </a:lnTo>
                  <a:cubicBezTo>
                    <a:pt x="16933" y="554295"/>
                    <a:pt x="0" y="538491"/>
                    <a:pt x="0" y="518171"/>
                  </a:cubicBezTo>
                  <a:lnTo>
                    <a:pt x="0" y="36135"/>
                  </a:lnTo>
                  <a:cubicBezTo>
                    <a:pt x="0" y="16933"/>
                    <a:pt x="15815" y="0"/>
                    <a:pt x="36124" y="0"/>
                  </a:cubicBezTo>
                  <a:lnTo>
                    <a:pt x="646864" y="0"/>
                  </a:lnTo>
                  <a:cubicBezTo>
                    <a:pt x="666044" y="0"/>
                    <a:pt x="682977" y="15815"/>
                    <a:pt x="682977" y="36135"/>
                  </a:cubicBezTo>
                  <a:lnTo>
                    <a:pt x="682977" y="518171"/>
                  </a:lnTo>
                  <a:cubicBezTo>
                    <a:pt x="682977" y="538491"/>
                    <a:pt x="667184" y="554295"/>
                    <a:pt x="646864"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63" name="Free Form 9">
              <a:extLst>
                <a:ext uri="{FF2B5EF4-FFF2-40B4-BE49-F238E27FC236}">
                  <a16:creationId xmlns:a16="http://schemas.microsoft.com/office/drawing/2014/main" id="{7092E081-E5A2-EBC9-AC04-EC5253406844}"/>
                </a:ext>
              </a:extLst>
            </p:cNvPr>
            <p:cNvSpPr/>
            <p:nvPr/>
          </p:nvSpPr>
          <p:spPr>
            <a:xfrm>
              <a:off x="8061388" y="7473242"/>
              <a:ext cx="682978" cy="554284"/>
            </a:xfrm>
            <a:custGeom>
              <a:avLst/>
              <a:gdLst/>
              <a:ahLst/>
              <a:cxnLst/>
              <a:rect l="0" t="0" r="0" b="0"/>
              <a:pathLst>
                <a:path w="682977" h="554284">
                  <a:moveTo>
                    <a:pt x="646864" y="554284"/>
                  </a:moveTo>
                  <a:lnTo>
                    <a:pt x="36124" y="554284"/>
                  </a:lnTo>
                  <a:cubicBezTo>
                    <a:pt x="16933" y="554284"/>
                    <a:pt x="0" y="538491"/>
                    <a:pt x="0" y="518160"/>
                  </a:cubicBezTo>
                  <a:lnTo>
                    <a:pt x="0" y="36135"/>
                  </a:lnTo>
                  <a:cubicBezTo>
                    <a:pt x="0" y="16933"/>
                    <a:pt x="15815" y="0"/>
                    <a:pt x="36124" y="0"/>
                  </a:cubicBezTo>
                  <a:lnTo>
                    <a:pt x="646864" y="0"/>
                  </a:lnTo>
                  <a:cubicBezTo>
                    <a:pt x="666044" y="0"/>
                    <a:pt x="682977" y="15804"/>
                    <a:pt x="682977" y="36135"/>
                  </a:cubicBezTo>
                  <a:lnTo>
                    <a:pt x="682977" y="519288"/>
                  </a:lnTo>
                  <a:cubicBezTo>
                    <a:pt x="682977" y="538491"/>
                    <a:pt x="667184" y="554284"/>
                    <a:pt x="646864"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64" name="Free Form 10">
              <a:extLst>
                <a:ext uri="{FF2B5EF4-FFF2-40B4-BE49-F238E27FC236}">
                  <a16:creationId xmlns:a16="http://schemas.microsoft.com/office/drawing/2014/main" id="{8736E30A-19D3-D8F9-54CA-AE36E4779B75}"/>
                </a:ext>
              </a:extLst>
            </p:cNvPr>
            <p:cNvSpPr/>
            <p:nvPr/>
          </p:nvSpPr>
          <p:spPr>
            <a:xfrm>
              <a:off x="3321191" y="6667209"/>
              <a:ext cx="682977" cy="554296"/>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65" name="Free Form 11">
              <a:extLst>
                <a:ext uri="{FF2B5EF4-FFF2-40B4-BE49-F238E27FC236}">
                  <a16:creationId xmlns:a16="http://schemas.microsoft.com/office/drawing/2014/main" id="{E82699BD-0597-804F-4452-8682D5146D7B}"/>
                </a:ext>
              </a:extLst>
            </p:cNvPr>
            <p:cNvSpPr/>
            <p:nvPr/>
          </p:nvSpPr>
          <p:spPr>
            <a:xfrm>
              <a:off x="3321191" y="7473242"/>
              <a:ext cx="682977" cy="554284"/>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66" name="Free Form 12">
              <a:extLst>
                <a:ext uri="{FF2B5EF4-FFF2-40B4-BE49-F238E27FC236}">
                  <a16:creationId xmlns:a16="http://schemas.microsoft.com/office/drawing/2014/main" id="{4A05DB89-5069-5EF8-EC89-60073F670AEB}"/>
                </a:ext>
              </a:extLst>
            </p:cNvPr>
            <p:cNvSpPr/>
            <p:nvPr/>
          </p:nvSpPr>
          <p:spPr>
            <a:xfrm>
              <a:off x="2371794" y="6667209"/>
              <a:ext cx="682978" cy="554296"/>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2977" y="538491"/>
                    <a:pt x="667173"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67" name="Free Form 13">
              <a:extLst>
                <a:ext uri="{FF2B5EF4-FFF2-40B4-BE49-F238E27FC236}">
                  <a16:creationId xmlns:a16="http://schemas.microsoft.com/office/drawing/2014/main" id="{7441D978-41BF-B424-3133-CFE124748C1F}"/>
                </a:ext>
              </a:extLst>
            </p:cNvPr>
            <p:cNvSpPr/>
            <p:nvPr/>
          </p:nvSpPr>
          <p:spPr>
            <a:xfrm>
              <a:off x="2371794" y="7473242"/>
              <a:ext cx="682978" cy="554284"/>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2977" y="538491"/>
                    <a:pt x="667173"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68" name="Free Form 14">
              <a:extLst>
                <a:ext uri="{FF2B5EF4-FFF2-40B4-BE49-F238E27FC236}">
                  <a16:creationId xmlns:a16="http://schemas.microsoft.com/office/drawing/2014/main" id="{EAFD544B-FDE6-0FE2-6A8F-5D8DD6A88218}"/>
                </a:ext>
              </a:extLst>
            </p:cNvPr>
            <p:cNvSpPr/>
            <p:nvPr/>
          </p:nvSpPr>
          <p:spPr>
            <a:xfrm>
              <a:off x="1227099" y="9595557"/>
              <a:ext cx="9723121" cy="428978"/>
            </a:xfrm>
            <a:custGeom>
              <a:avLst/>
              <a:gdLst/>
              <a:ahLst/>
              <a:cxnLst/>
              <a:rect l="0" t="0" r="0" b="0"/>
              <a:pathLst>
                <a:path w="9723120" h="428977">
                  <a:moveTo>
                    <a:pt x="9675706" y="428977"/>
                  </a:moveTo>
                  <a:lnTo>
                    <a:pt x="25964" y="428977"/>
                  </a:lnTo>
                  <a:cubicBezTo>
                    <a:pt x="0" y="428977"/>
                    <a:pt x="25964" y="407528"/>
                    <a:pt x="25964" y="381564"/>
                  </a:cubicBezTo>
                  <a:lnTo>
                    <a:pt x="25964" y="47413"/>
                  </a:lnTo>
                  <a:cubicBezTo>
                    <a:pt x="25964" y="21437"/>
                    <a:pt x="0" y="0"/>
                    <a:pt x="25964" y="0"/>
                  </a:cubicBezTo>
                  <a:lnTo>
                    <a:pt x="9675706" y="0"/>
                  </a:lnTo>
                  <a:cubicBezTo>
                    <a:pt x="9701671" y="0"/>
                    <a:pt x="9723120" y="21437"/>
                    <a:pt x="9723120" y="47413"/>
                  </a:cubicBezTo>
                  <a:lnTo>
                    <a:pt x="9723120" y="381564"/>
                  </a:lnTo>
                  <a:cubicBezTo>
                    <a:pt x="9723120" y="407528"/>
                    <a:pt x="9701671" y="428977"/>
                    <a:pt x="9675706" y="428977"/>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grpSp>
    </p:spTree>
    <p:custDataLst>
      <p:tags r:id="rId1"/>
    </p:custDataLst>
    <p:extLst>
      <p:ext uri="{BB962C8B-B14F-4D97-AF65-F5344CB8AC3E}">
        <p14:creationId xmlns:p14="http://schemas.microsoft.com/office/powerpoint/2010/main" val="3857494769"/>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spd="slow" p14:dur="1700" advClick="0" advTm="6552">
        <p159:morph option="byObject"/>
      </p:transition>
    </mc:Choice>
    <mc:Fallback xmlns="">
      <p:transition spd="slow" advClick="0" advTm="6552">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41">
                                            <p:txEl>
                                              <p:pRg st="0" end="0"/>
                                            </p:txEl>
                                          </p:spTgt>
                                        </p:tgtEl>
                                        <p:attrNameLst>
                                          <p:attrName>style.visibility</p:attrName>
                                        </p:attrNameLst>
                                      </p:cBhvr>
                                      <p:to>
                                        <p:strVal val="visible"/>
                                      </p:to>
                                    </p:set>
                                    <p:animEffect transition="in" filter="fade">
                                      <p:cBhvr>
                                        <p:cTn id="7" dur="500"/>
                                        <p:tgtEl>
                                          <p:spTgt spid="141">
                                            <p:txEl>
                                              <p:pRg st="0" end="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41" grpId="0" uiExpand="1" build="p"/>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146AAC7-5248-B51D-F171-798FEDC2252E}"/>
              </a:ext>
            </a:extLst>
          </p:cNvPr>
          <p:cNvSpPr>
            <a:spLocks noGrp="1"/>
          </p:cNvSpPr>
          <p:nvPr>
            <p:ph type="title"/>
          </p:nvPr>
        </p:nvSpPr>
        <p:spPr/>
        <p:txBody>
          <a:bodyPr/>
          <a:lstStyle/>
          <a:p>
            <a:r>
              <a:rPr lang="en-NO" dirty="0"/>
              <a:t>Organisation unit hierarchy </a:t>
            </a:r>
          </a:p>
        </p:txBody>
      </p:sp>
      <p:pic>
        <p:nvPicPr>
          <p:cNvPr id="34" name="Picture 33">
            <a:extLst>
              <a:ext uri="{FF2B5EF4-FFF2-40B4-BE49-F238E27FC236}">
                <a16:creationId xmlns:a16="http://schemas.microsoft.com/office/drawing/2014/main" id="{6407E293-8F69-306E-909B-B0A223F6BC91}"/>
              </a:ext>
            </a:extLst>
          </p:cNvPr>
          <p:cNvPicPr>
            <a:picLocks noChangeAspect="1"/>
          </p:cNvPicPr>
          <p:nvPr/>
        </p:nvPicPr>
        <p:blipFill>
          <a:blip r:embed="rId4"/>
          <a:stretch>
            <a:fillRect/>
          </a:stretch>
        </p:blipFill>
        <p:spPr>
          <a:xfrm>
            <a:off x="4868036" y="4120210"/>
            <a:ext cx="768456" cy="637145"/>
          </a:xfrm>
          <a:prstGeom prst="rect">
            <a:avLst/>
          </a:prstGeom>
        </p:spPr>
      </p:pic>
      <p:pic>
        <p:nvPicPr>
          <p:cNvPr id="35" name="Picture 34">
            <a:extLst>
              <a:ext uri="{FF2B5EF4-FFF2-40B4-BE49-F238E27FC236}">
                <a16:creationId xmlns:a16="http://schemas.microsoft.com/office/drawing/2014/main" id="{6220AC3C-EEB6-A2E2-7B62-664AC9D4E725}"/>
              </a:ext>
            </a:extLst>
          </p:cNvPr>
          <p:cNvPicPr>
            <a:picLocks noChangeAspect="1"/>
          </p:cNvPicPr>
          <p:nvPr/>
        </p:nvPicPr>
        <p:blipFill>
          <a:blip r:embed="rId4"/>
          <a:stretch>
            <a:fillRect/>
          </a:stretch>
        </p:blipFill>
        <p:spPr>
          <a:xfrm>
            <a:off x="9680112" y="4120210"/>
            <a:ext cx="768456" cy="637145"/>
          </a:xfrm>
          <a:prstGeom prst="rect">
            <a:avLst/>
          </a:prstGeom>
        </p:spPr>
      </p:pic>
      <p:grpSp>
        <p:nvGrpSpPr>
          <p:cNvPr id="134" name="Group 133">
            <a:extLst>
              <a:ext uri="{FF2B5EF4-FFF2-40B4-BE49-F238E27FC236}">
                <a16:creationId xmlns:a16="http://schemas.microsoft.com/office/drawing/2014/main" id="{BB7BD8AD-630A-2EAA-0F74-958E465E2485}"/>
              </a:ext>
            </a:extLst>
          </p:cNvPr>
          <p:cNvGrpSpPr/>
          <p:nvPr/>
        </p:nvGrpSpPr>
        <p:grpSpPr>
          <a:xfrm>
            <a:off x="6448783" y="4125005"/>
            <a:ext cx="768456" cy="627555"/>
            <a:chOff x="3882742" y="4116691"/>
            <a:chExt cx="768456" cy="627555"/>
          </a:xfrm>
        </p:grpSpPr>
        <p:sp>
          <p:nvSpPr>
            <p:cNvPr id="78" name="Free Form 3">
              <a:extLst>
                <a:ext uri="{FF2B5EF4-FFF2-40B4-BE49-F238E27FC236}">
                  <a16:creationId xmlns:a16="http://schemas.microsoft.com/office/drawing/2014/main" id="{D078B116-44FC-FA68-257F-34F7E28B4A11}"/>
                </a:ext>
              </a:extLst>
            </p:cNvPr>
            <p:cNvSpPr/>
            <p:nvPr/>
          </p:nvSpPr>
          <p:spPr>
            <a:xfrm>
              <a:off x="3915842" y="4116691"/>
              <a:ext cx="696990" cy="627373"/>
            </a:xfrm>
            <a:custGeom>
              <a:avLst/>
              <a:gdLst/>
              <a:ahLst/>
              <a:cxnLst/>
              <a:rect l="0" t="0" r="0" b="0"/>
              <a:pathLst>
                <a:path w="8818880" h="7854808">
                  <a:moveTo>
                    <a:pt x="8711635" y="3025422"/>
                  </a:moveTo>
                  <a:lnTo>
                    <a:pt x="6856871" y="3025422"/>
                  </a:lnTo>
                  <a:cubicBezTo>
                    <a:pt x="6797040" y="3025422"/>
                    <a:pt x="6749626" y="2976880"/>
                    <a:pt x="6749626" y="2918177"/>
                  </a:cubicBezTo>
                  <a:lnTo>
                    <a:pt x="6749626" y="107244"/>
                  </a:lnTo>
                  <a:cubicBezTo>
                    <a:pt x="6749626" y="47413"/>
                    <a:pt x="6701084" y="0"/>
                    <a:pt x="6642382" y="0"/>
                  </a:cubicBezTo>
                  <a:lnTo>
                    <a:pt x="6635608" y="0"/>
                  </a:lnTo>
                  <a:lnTo>
                    <a:pt x="2184400" y="0"/>
                  </a:lnTo>
                  <a:lnTo>
                    <a:pt x="2177626" y="0"/>
                  </a:lnTo>
                  <a:cubicBezTo>
                    <a:pt x="2117795" y="0"/>
                    <a:pt x="2070382" y="48542"/>
                    <a:pt x="2070382" y="107244"/>
                  </a:cubicBezTo>
                  <a:lnTo>
                    <a:pt x="2070382" y="2918177"/>
                  </a:lnTo>
                  <a:cubicBezTo>
                    <a:pt x="2070382" y="2978008"/>
                    <a:pt x="2021840" y="3025422"/>
                    <a:pt x="1963137" y="3025422"/>
                  </a:cubicBezTo>
                  <a:lnTo>
                    <a:pt x="107244" y="3025422"/>
                  </a:lnTo>
                  <a:cubicBezTo>
                    <a:pt x="47413" y="3025422"/>
                    <a:pt x="0" y="3073964"/>
                    <a:pt x="0" y="3132666"/>
                  </a:cubicBezTo>
                  <a:lnTo>
                    <a:pt x="0" y="7747564"/>
                  </a:lnTo>
                  <a:cubicBezTo>
                    <a:pt x="0" y="7807395"/>
                    <a:pt x="48542" y="7854808"/>
                    <a:pt x="107244" y="7854808"/>
                  </a:cubicBezTo>
                  <a:lnTo>
                    <a:pt x="2184400" y="7854808"/>
                  </a:lnTo>
                  <a:lnTo>
                    <a:pt x="6633351" y="7854808"/>
                  </a:lnTo>
                  <a:lnTo>
                    <a:pt x="8710506" y="7854808"/>
                  </a:lnTo>
                  <a:cubicBezTo>
                    <a:pt x="8770337" y="7854808"/>
                    <a:pt x="8817751" y="7806266"/>
                    <a:pt x="8817751" y="7747564"/>
                  </a:cubicBezTo>
                  <a:lnTo>
                    <a:pt x="8817751" y="3133795"/>
                  </a:lnTo>
                  <a:cubicBezTo>
                    <a:pt x="8818880" y="3073964"/>
                    <a:pt x="8770337" y="3025422"/>
                    <a:pt x="8711635" y="3025422"/>
                  </a:cubicBezTo>
                  <a:close/>
                </a:path>
              </a:pathLst>
            </a:custGeom>
            <a:solidFill>
              <a:srgbClr val="083370">
                <a:alpha val="100000"/>
              </a:srgbClr>
            </a:solidFill>
            <a:ln w="0" cap="flat" cmpd="sng">
              <a:noFill/>
              <a:prstDash val="solid"/>
              <a:miter lim="800000"/>
            </a:ln>
          </p:spPr>
          <p:txBody>
            <a:bodyPr anchor="ctr">
              <a:spAutoFit/>
            </a:bodyPr>
            <a:lstStyle/>
            <a:p>
              <a:pPr algn="ctr"/>
              <a:endParaRPr lang="en-US" dirty="0"/>
            </a:p>
          </p:txBody>
        </p:sp>
        <p:sp>
          <p:nvSpPr>
            <p:cNvPr id="79" name="Free Form 4">
              <a:extLst>
                <a:ext uri="{FF2B5EF4-FFF2-40B4-BE49-F238E27FC236}">
                  <a16:creationId xmlns:a16="http://schemas.microsoft.com/office/drawing/2014/main" id="{38A41607-9FFF-1908-2239-3464A1A8E7C3}"/>
                </a:ext>
              </a:extLst>
            </p:cNvPr>
            <p:cNvSpPr/>
            <p:nvPr/>
          </p:nvSpPr>
          <p:spPr>
            <a:xfrm>
              <a:off x="4199564" y="4225973"/>
              <a:ext cx="133831" cy="135249"/>
            </a:xfrm>
            <a:custGeom>
              <a:avLst/>
              <a:gdLst/>
              <a:ahLst/>
              <a:cxnLst/>
              <a:rect l="0" t="0" r="0" b="0"/>
              <a:pathLst>
                <a:path w="1693333" h="1693333">
                  <a:moveTo>
                    <a:pt x="1663982" y="570088"/>
                  </a:moveTo>
                  <a:lnTo>
                    <a:pt x="1152595" y="570088"/>
                  </a:lnTo>
                  <a:cubicBezTo>
                    <a:pt x="1136791" y="570088"/>
                    <a:pt x="1123244" y="556542"/>
                    <a:pt x="1123244" y="540737"/>
                  </a:cubicBezTo>
                  <a:lnTo>
                    <a:pt x="1123244" y="29351"/>
                  </a:lnTo>
                  <a:cubicBezTo>
                    <a:pt x="1123244" y="13546"/>
                    <a:pt x="1109686" y="0"/>
                    <a:pt x="1093893" y="0"/>
                  </a:cubicBezTo>
                  <a:lnTo>
                    <a:pt x="599440" y="0"/>
                  </a:lnTo>
                  <a:cubicBezTo>
                    <a:pt x="583635" y="0"/>
                    <a:pt x="570088" y="13546"/>
                    <a:pt x="570088" y="29351"/>
                  </a:cubicBezTo>
                  <a:lnTo>
                    <a:pt x="570088" y="540737"/>
                  </a:lnTo>
                  <a:cubicBezTo>
                    <a:pt x="570088" y="556542"/>
                    <a:pt x="556542" y="570088"/>
                    <a:pt x="540737" y="570088"/>
                  </a:cubicBezTo>
                  <a:lnTo>
                    <a:pt x="29351" y="570088"/>
                  </a:lnTo>
                  <a:cubicBezTo>
                    <a:pt x="13546" y="570088"/>
                    <a:pt x="0" y="583635"/>
                    <a:pt x="0" y="599440"/>
                  </a:cubicBezTo>
                  <a:lnTo>
                    <a:pt x="0" y="1093893"/>
                  </a:lnTo>
                  <a:cubicBezTo>
                    <a:pt x="0" y="1109697"/>
                    <a:pt x="13546" y="1123244"/>
                    <a:pt x="29351" y="1123244"/>
                  </a:cubicBezTo>
                  <a:lnTo>
                    <a:pt x="540737" y="1123244"/>
                  </a:lnTo>
                  <a:cubicBezTo>
                    <a:pt x="556542" y="1123244"/>
                    <a:pt x="570088" y="1136791"/>
                    <a:pt x="570088" y="1152595"/>
                  </a:cubicBezTo>
                  <a:lnTo>
                    <a:pt x="570088" y="1663982"/>
                  </a:lnTo>
                  <a:cubicBezTo>
                    <a:pt x="570088" y="1679786"/>
                    <a:pt x="583635" y="1693333"/>
                    <a:pt x="599440" y="1693333"/>
                  </a:cubicBezTo>
                  <a:lnTo>
                    <a:pt x="1093893" y="1693333"/>
                  </a:lnTo>
                  <a:cubicBezTo>
                    <a:pt x="1109686" y="1693333"/>
                    <a:pt x="1123244" y="1679786"/>
                    <a:pt x="1123244" y="1663982"/>
                  </a:cubicBezTo>
                  <a:lnTo>
                    <a:pt x="1123244" y="1152595"/>
                  </a:lnTo>
                  <a:cubicBezTo>
                    <a:pt x="1123244" y="1136791"/>
                    <a:pt x="1136791" y="1123244"/>
                    <a:pt x="1152595" y="1123244"/>
                  </a:cubicBezTo>
                  <a:lnTo>
                    <a:pt x="1663982" y="1123244"/>
                  </a:lnTo>
                  <a:cubicBezTo>
                    <a:pt x="1679775" y="1123244"/>
                    <a:pt x="1693333" y="1109697"/>
                    <a:pt x="1693333" y="1093893"/>
                  </a:cubicBezTo>
                  <a:lnTo>
                    <a:pt x="1693333" y="599440"/>
                  </a:lnTo>
                  <a:cubicBezTo>
                    <a:pt x="1693333" y="583635"/>
                    <a:pt x="1679775" y="570088"/>
                    <a:pt x="1663982" y="570088"/>
                  </a:cubicBezTo>
                  <a:close/>
                </a:path>
              </a:pathLst>
            </a:custGeom>
            <a:solidFill>
              <a:srgbClr val="FF8F02">
                <a:alpha val="100000"/>
              </a:srgbClr>
            </a:solidFill>
            <a:ln w="0" cap="flat" cmpd="sng">
              <a:noFill/>
              <a:prstDash val="solid"/>
              <a:miter lim="800000"/>
            </a:ln>
          </p:spPr>
          <p:txBody>
            <a:bodyPr anchor="ctr">
              <a:spAutoFit/>
            </a:bodyPr>
            <a:lstStyle/>
            <a:p>
              <a:pPr algn="ctr"/>
              <a:endParaRPr lang="en-US"/>
            </a:p>
          </p:txBody>
        </p:sp>
        <p:sp>
          <p:nvSpPr>
            <p:cNvPr id="80" name="Free Form 5">
              <a:extLst>
                <a:ext uri="{FF2B5EF4-FFF2-40B4-BE49-F238E27FC236}">
                  <a16:creationId xmlns:a16="http://schemas.microsoft.com/office/drawing/2014/main" id="{51B61DE0-7C31-5B5B-B853-68DC57732A4A}"/>
                </a:ext>
              </a:extLst>
            </p:cNvPr>
            <p:cNvSpPr/>
            <p:nvPr/>
          </p:nvSpPr>
          <p:spPr>
            <a:xfrm>
              <a:off x="4222672" y="4563824"/>
              <a:ext cx="87525" cy="179610"/>
            </a:xfrm>
            <a:custGeom>
              <a:avLst/>
              <a:gdLst/>
              <a:ahLst/>
              <a:cxnLst/>
              <a:rect l="0" t="0" r="0" b="0"/>
              <a:pathLst>
                <a:path w="1107440" h="2248746">
                  <a:moveTo>
                    <a:pt x="1070186" y="2248746"/>
                  </a:moveTo>
                  <a:lnTo>
                    <a:pt x="36124" y="2248746"/>
                  </a:lnTo>
                  <a:cubicBezTo>
                    <a:pt x="15804" y="2248746"/>
                    <a:pt x="0" y="2231813"/>
                    <a:pt x="0" y="2212622"/>
                  </a:cubicBezTo>
                  <a:lnTo>
                    <a:pt x="0" y="36124"/>
                  </a:lnTo>
                  <a:cubicBezTo>
                    <a:pt x="0" y="15804"/>
                    <a:pt x="16933" y="0"/>
                    <a:pt x="36124" y="0"/>
                  </a:cubicBezTo>
                  <a:lnTo>
                    <a:pt x="1070186" y="0"/>
                  </a:lnTo>
                  <a:cubicBezTo>
                    <a:pt x="1090506" y="0"/>
                    <a:pt x="1106311" y="16933"/>
                    <a:pt x="1106311" y="36124"/>
                  </a:cubicBezTo>
                  <a:lnTo>
                    <a:pt x="1106311" y="2211493"/>
                  </a:lnTo>
                  <a:cubicBezTo>
                    <a:pt x="1107440" y="2231813"/>
                    <a:pt x="1090506" y="2248746"/>
                    <a:pt x="1070186" y="2248746"/>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81" name="Free Form 6">
              <a:extLst>
                <a:ext uri="{FF2B5EF4-FFF2-40B4-BE49-F238E27FC236}">
                  <a16:creationId xmlns:a16="http://schemas.microsoft.com/office/drawing/2014/main" id="{2285F4BA-9D45-CE0D-8330-D996F5B64510}"/>
                </a:ext>
              </a:extLst>
            </p:cNvPr>
            <p:cNvSpPr/>
            <p:nvPr/>
          </p:nvSpPr>
          <p:spPr>
            <a:xfrm>
              <a:off x="4497917" y="4476092"/>
              <a:ext cx="53978" cy="44272"/>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82" name="Free Form 7">
              <a:extLst>
                <a:ext uri="{FF2B5EF4-FFF2-40B4-BE49-F238E27FC236}">
                  <a16:creationId xmlns:a16="http://schemas.microsoft.com/office/drawing/2014/main" id="{9FBF5F40-401F-B65A-C7BB-7C808E74A193}"/>
                </a:ext>
              </a:extLst>
            </p:cNvPr>
            <p:cNvSpPr/>
            <p:nvPr/>
          </p:nvSpPr>
          <p:spPr>
            <a:xfrm>
              <a:off x="4497917" y="4540471"/>
              <a:ext cx="53978" cy="44271"/>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83" name="Free Form 8">
              <a:extLst>
                <a:ext uri="{FF2B5EF4-FFF2-40B4-BE49-F238E27FC236}">
                  <a16:creationId xmlns:a16="http://schemas.microsoft.com/office/drawing/2014/main" id="{63036723-99A6-5310-0FA2-C9EC9FA4F294}"/>
                </a:ext>
              </a:extLst>
            </p:cNvPr>
            <p:cNvSpPr/>
            <p:nvPr/>
          </p:nvSpPr>
          <p:spPr>
            <a:xfrm>
              <a:off x="4422882" y="4476092"/>
              <a:ext cx="53978" cy="44272"/>
            </a:xfrm>
            <a:custGeom>
              <a:avLst/>
              <a:gdLst/>
              <a:ahLst/>
              <a:cxnLst/>
              <a:rect l="0" t="0" r="0" b="0"/>
              <a:pathLst>
                <a:path w="682977" h="554295">
                  <a:moveTo>
                    <a:pt x="646864" y="554295"/>
                  </a:moveTo>
                  <a:lnTo>
                    <a:pt x="36124" y="554295"/>
                  </a:lnTo>
                  <a:cubicBezTo>
                    <a:pt x="16933" y="554295"/>
                    <a:pt x="0" y="538491"/>
                    <a:pt x="0" y="518171"/>
                  </a:cubicBezTo>
                  <a:lnTo>
                    <a:pt x="0" y="36135"/>
                  </a:lnTo>
                  <a:cubicBezTo>
                    <a:pt x="0" y="16933"/>
                    <a:pt x="15815" y="0"/>
                    <a:pt x="36124" y="0"/>
                  </a:cubicBezTo>
                  <a:lnTo>
                    <a:pt x="646864" y="0"/>
                  </a:lnTo>
                  <a:cubicBezTo>
                    <a:pt x="666044" y="0"/>
                    <a:pt x="682977" y="15815"/>
                    <a:pt x="682977" y="36135"/>
                  </a:cubicBezTo>
                  <a:lnTo>
                    <a:pt x="682977" y="518171"/>
                  </a:lnTo>
                  <a:cubicBezTo>
                    <a:pt x="682977" y="538491"/>
                    <a:pt x="667184" y="554295"/>
                    <a:pt x="646864"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84" name="Free Form 9">
              <a:extLst>
                <a:ext uri="{FF2B5EF4-FFF2-40B4-BE49-F238E27FC236}">
                  <a16:creationId xmlns:a16="http://schemas.microsoft.com/office/drawing/2014/main" id="{604A621C-8128-4D0F-772D-47AD5C653FAA}"/>
                </a:ext>
              </a:extLst>
            </p:cNvPr>
            <p:cNvSpPr/>
            <p:nvPr/>
          </p:nvSpPr>
          <p:spPr>
            <a:xfrm>
              <a:off x="4422882" y="4540471"/>
              <a:ext cx="53978" cy="44271"/>
            </a:xfrm>
            <a:custGeom>
              <a:avLst/>
              <a:gdLst/>
              <a:ahLst/>
              <a:cxnLst/>
              <a:rect l="0" t="0" r="0" b="0"/>
              <a:pathLst>
                <a:path w="682977" h="554284">
                  <a:moveTo>
                    <a:pt x="646864" y="554284"/>
                  </a:moveTo>
                  <a:lnTo>
                    <a:pt x="36124" y="554284"/>
                  </a:lnTo>
                  <a:cubicBezTo>
                    <a:pt x="16933" y="554284"/>
                    <a:pt x="0" y="538491"/>
                    <a:pt x="0" y="518160"/>
                  </a:cubicBezTo>
                  <a:lnTo>
                    <a:pt x="0" y="36135"/>
                  </a:lnTo>
                  <a:cubicBezTo>
                    <a:pt x="0" y="16933"/>
                    <a:pt x="15815" y="0"/>
                    <a:pt x="36124" y="0"/>
                  </a:cubicBezTo>
                  <a:lnTo>
                    <a:pt x="646864" y="0"/>
                  </a:lnTo>
                  <a:cubicBezTo>
                    <a:pt x="666044" y="0"/>
                    <a:pt x="682977" y="15804"/>
                    <a:pt x="682977" y="36135"/>
                  </a:cubicBezTo>
                  <a:lnTo>
                    <a:pt x="682977" y="519288"/>
                  </a:lnTo>
                  <a:cubicBezTo>
                    <a:pt x="682977" y="538491"/>
                    <a:pt x="667184" y="554284"/>
                    <a:pt x="646864"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85" name="Free Form 10">
              <a:extLst>
                <a:ext uri="{FF2B5EF4-FFF2-40B4-BE49-F238E27FC236}">
                  <a16:creationId xmlns:a16="http://schemas.microsoft.com/office/drawing/2014/main" id="{492BF52D-B2C8-C3B6-AE86-DB2F34D8A28C}"/>
                </a:ext>
              </a:extLst>
            </p:cNvPr>
            <p:cNvSpPr/>
            <p:nvPr/>
          </p:nvSpPr>
          <p:spPr>
            <a:xfrm>
              <a:off x="4048246" y="4476092"/>
              <a:ext cx="53978" cy="44272"/>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86" name="Free Form 11">
              <a:extLst>
                <a:ext uri="{FF2B5EF4-FFF2-40B4-BE49-F238E27FC236}">
                  <a16:creationId xmlns:a16="http://schemas.microsoft.com/office/drawing/2014/main" id="{D896E689-7BF6-9CB8-B8AB-9CC997D5A9C7}"/>
                </a:ext>
              </a:extLst>
            </p:cNvPr>
            <p:cNvSpPr/>
            <p:nvPr/>
          </p:nvSpPr>
          <p:spPr>
            <a:xfrm>
              <a:off x="4048246" y="4540471"/>
              <a:ext cx="53978" cy="44271"/>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87" name="Free Form 12">
              <a:extLst>
                <a:ext uri="{FF2B5EF4-FFF2-40B4-BE49-F238E27FC236}">
                  <a16:creationId xmlns:a16="http://schemas.microsoft.com/office/drawing/2014/main" id="{8B6786FB-58B0-699F-D0E6-4265A77C2B6E}"/>
                </a:ext>
              </a:extLst>
            </p:cNvPr>
            <p:cNvSpPr/>
            <p:nvPr/>
          </p:nvSpPr>
          <p:spPr>
            <a:xfrm>
              <a:off x="3973212" y="4476092"/>
              <a:ext cx="53978" cy="44272"/>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2977" y="538491"/>
                    <a:pt x="667173"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88" name="Free Form 13">
              <a:extLst>
                <a:ext uri="{FF2B5EF4-FFF2-40B4-BE49-F238E27FC236}">
                  <a16:creationId xmlns:a16="http://schemas.microsoft.com/office/drawing/2014/main" id="{55E25ED5-1E03-5278-F337-C7A4E54EEDAA}"/>
                </a:ext>
              </a:extLst>
            </p:cNvPr>
            <p:cNvSpPr/>
            <p:nvPr/>
          </p:nvSpPr>
          <p:spPr>
            <a:xfrm>
              <a:off x="3973212" y="4540471"/>
              <a:ext cx="53978" cy="44271"/>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2977" y="538491"/>
                    <a:pt x="667173"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89" name="Free Form 14">
              <a:extLst>
                <a:ext uri="{FF2B5EF4-FFF2-40B4-BE49-F238E27FC236}">
                  <a16:creationId xmlns:a16="http://schemas.microsoft.com/office/drawing/2014/main" id="{530D96A3-D5E0-E062-1DE7-DD2BBA60F703}"/>
                </a:ext>
              </a:extLst>
            </p:cNvPr>
            <p:cNvSpPr/>
            <p:nvPr/>
          </p:nvSpPr>
          <p:spPr>
            <a:xfrm>
              <a:off x="3882742" y="4709983"/>
              <a:ext cx="768456" cy="34263"/>
            </a:xfrm>
            <a:custGeom>
              <a:avLst/>
              <a:gdLst/>
              <a:ahLst/>
              <a:cxnLst/>
              <a:rect l="0" t="0" r="0" b="0"/>
              <a:pathLst>
                <a:path w="9723120" h="428977">
                  <a:moveTo>
                    <a:pt x="9675706" y="428977"/>
                  </a:moveTo>
                  <a:lnTo>
                    <a:pt x="25964" y="428977"/>
                  </a:lnTo>
                  <a:cubicBezTo>
                    <a:pt x="0" y="428977"/>
                    <a:pt x="25964" y="407528"/>
                    <a:pt x="25964" y="381564"/>
                  </a:cubicBezTo>
                  <a:lnTo>
                    <a:pt x="25964" y="47413"/>
                  </a:lnTo>
                  <a:cubicBezTo>
                    <a:pt x="25964" y="21437"/>
                    <a:pt x="0" y="0"/>
                    <a:pt x="25964" y="0"/>
                  </a:cubicBezTo>
                  <a:lnTo>
                    <a:pt x="9675706" y="0"/>
                  </a:lnTo>
                  <a:cubicBezTo>
                    <a:pt x="9701671" y="0"/>
                    <a:pt x="9723120" y="21437"/>
                    <a:pt x="9723120" y="47413"/>
                  </a:cubicBezTo>
                  <a:lnTo>
                    <a:pt x="9723120" y="381564"/>
                  </a:lnTo>
                  <a:cubicBezTo>
                    <a:pt x="9723120" y="407528"/>
                    <a:pt x="9701671" y="428977"/>
                    <a:pt x="9675706" y="428977"/>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grpSp>
      <p:pic>
        <p:nvPicPr>
          <p:cNvPr id="142" name="Picture 141">
            <a:extLst>
              <a:ext uri="{FF2B5EF4-FFF2-40B4-BE49-F238E27FC236}">
                <a16:creationId xmlns:a16="http://schemas.microsoft.com/office/drawing/2014/main" id="{EFFDD385-D36E-0D37-0F1E-3D7641378BE7}"/>
              </a:ext>
            </a:extLst>
          </p:cNvPr>
          <p:cNvPicPr>
            <a:picLocks noChangeAspect="1"/>
          </p:cNvPicPr>
          <p:nvPr/>
        </p:nvPicPr>
        <p:blipFill>
          <a:blip r:embed="rId4"/>
          <a:stretch>
            <a:fillRect/>
          </a:stretch>
        </p:blipFill>
        <p:spPr>
          <a:xfrm>
            <a:off x="3305735" y="4120210"/>
            <a:ext cx="768456" cy="637145"/>
          </a:xfrm>
          <a:prstGeom prst="rect">
            <a:avLst/>
          </a:prstGeom>
        </p:spPr>
      </p:pic>
      <p:sp>
        <p:nvSpPr>
          <p:cNvPr id="145" name="Rectangle: Rounded Corners 97">
            <a:extLst>
              <a:ext uri="{FF2B5EF4-FFF2-40B4-BE49-F238E27FC236}">
                <a16:creationId xmlns:a16="http://schemas.microsoft.com/office/drawing/2014/main" id="{DC9C176B-97B9-DFB2-DF28-403E8D3C8F51}"/>
              </a:ext>
            </a:extLst>
          </p:cNvPr>
          <p:cNvSpPr/>
          <p:nvPr/>
        </p:nvSpPr>
        <p:spPr>
          <a:xfrm>
            <a:off x="4818899" y="2906085"/>
            <a:ext cx="2574479" cy="685345"/>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dirty="0" err="1">
                <a:latin typeface="Rubik" pitchFamily="2" charset="-79"/>
                <a:cs typeface="Rubik" pitchFamily="2" charset="-79"/>
              </a:rPr>
              <a:t>Fruit</a:t>
            </a:r>
            <a:r>
              <a:rPr lang="es-ES" dirty="0">
                <a:latin typeface="Rubik" pitchFamily="2" charset="-79"/>
                <a:cs typeface="Rubik" pitchFamily="2" charset="-79"/>
              </a:rPr>
              <a:t> </a:t>
            </a:r>
            <a:r>
              <a:rPr lang="es-ES" dirty="0" err="1">
                <a:latin typeface="Rubik" pitchFamily="2" charset="-79"/>
                <a:cs typeface="Rubik" pitchFamily="2" charset="-79"/>
              </a:rPr>
              <a:t>District</a:t>
            </a:r>
            <a:endParaRPr lang="es-ES" dirty="0">
              <a:latin typeface="Rubik" pitchFamily="2" charset="-79"/>
              <a:cs typeface="Rubik" pitchFamily="2" charset="-79"/>
            </a:endParaRPr>
          </a:p>
        </p:txBody>
      </p:sp>
      <p:sp>
        <p:nvSpPr>
          <p:cNvPr id="147" name="Rectangle: Rounded Corners 97">
            <a:extLst>
              <a:ext uri="{FF2B5EF4-FFF2-40B4-BE49-F238E27FC236}">
                <a16:creationId xmlns:a16="http://schemas.microsoft.com/office/drawing/2014/main" id="{29D42435-37E4-2E2E-D48F-26EA2BAC6064}"/>
              </a:ext>
            </a:extLst>
          </p:cNvPr>
          <p:cNvSpPr/>
          <p:nvPr/>
        </p:nvSpPr>
        <p:spPr>
          <a:xfrm>
            <a:off x="4811957" y="1615119"/>
            <a:ext cx="2574479" cy="72897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err="1">
                <a:latin typeface="Rubik" pitchFamily="2" charset="-79"/>
                <a:cs typeface="Rubik" pitchFamily="2" charset="-79"/>
              </a:rPr>
              <a:t>Food</a:t>
            </a:r>
            <a:r>
              <a:rPr lang="es-ES">
                <a:latin typeface="Rubik" pitchFamily="2" charset="-79"/>
                <a:cs typeface="Rubik" pitchFamily="2" charset="-79"/>
              </a:rPr>
              <a:t> </a:t>
            </a:r>
            <a:r>
              <a:rPr lang="es-ES" dirty="0">
                <a:latin typeface="Rubik" pitchFamily="2" charset="-79"/>
                <a:cs typeface="Rubik" pitchFamily="2" charset="-79"/>
              </a:rPr>
              <a:t>R</a:t>
            </a:r>
            <a:r>
              <a:rPr lang="es-ES">
                <a:latin typeface="Rubik" pitchFamily="2" charset="-79"/>
                <a:cs typeface="Rubik" pitchFamily="2" charset="-79"/>
              </a:rPr>
              <a:t>egion</a:t>
            </a:r>
            <a:endParaRPr lang="es-ES" dirty="0">
              <a:latin typeface="Rubik" pitchFamily="2" charset="-79"/>
              <a:cs typeface="Rubik" pitchFamily="2" charset="-79"/>
            </a:endParaRPr>
          </a:p>
        </p:txBody>
      </p:sp>
      <p:grpSp>
        <p:nvGrpSpPr>
          <p:cNvPr id="148" name="Group 147">
            <a:extLst>
              <a:ext uri="{FF2B5EF4-FFF2-40B4-BE49-F238E27FC236}">
                <a16:creationId xmlns:a16="http://schemas.microsoft.com/office/drawing/2014/main" id="{DC0DD493-B197-59FE-17DF-9F67762BBB28}"/>
              </a:ext>
            </a:extLst>
          </p:cNvPr>
          <p:cNvGrpSpPr/>
          <p:nvPr/>
        </p:nvGrpSpPr>
        <p:grpSpPr>
          <a:xfrm>
            <a:off x="2128883" y="3803631"/>
            <a:ext cx="1564592" cy="278897"/>
            <a:chOff x="344097" y="4663716"/>
            <a:chExt cx="3840652" cy="278897"/>
          </a:xfrm>
        </p:grpSpPr>
        <p:cxnSp>
          <p:nvCxnSpPr>
            <p:cNvPr id="149" name="Straight Connector 148">
              <a:extLst>
                <a:ext uri="{FF2B5EF4-FFF2-40B4-BE49-F238E27FC236}">
                  <a16:creationId xmlns:a16="http://schemas.microsoft.com/office/drawing/2014/main" id="{4ACEAF52-2A9E-244C-C448-FBB42F0838FF}"/>
                </a:ext>
              </a:extLst>
            </p:cNvPr>
            <p:cNvCxnSpPr>
              <a:cxnSpLocks/>
            </p:cNvCxnSpPr>
            <p:nvPr/>
          </p:nvCxnSpPr>
          <p:spPr>
            <a:xfrm flipH="1">
              <a:off x="344097" y="4673603"/>
              <a:ext cx="3840652" cy="0"/>
            </a:xfrm>
            <a:prstGeom prst="line">
              <a:avLst/>
            </a:prstGeom>
            <a:ln w="25400">
              <a:solidFill>
                <a:schemeClr val="tx2"/>
              </a:solidFill>
              <a:prstDash val="solid"/>
              <a:tailEnd type="none"/>
            </a:ln>
          </p:spPr>
          <p:style>
            <a:lnRef idx="1">
              <a:schemeClr val="accent1"/>
            </a:lnRef>
            <a:fillRef idx="0">
              <a:schemeClr val="accent1"/>
            </a:fillRef>
            <a:effectRef idx="0">
              <a:schemeClr val="accent1"/>
            </a:effectRef>
            <a:fontRef idx="minor">
              <a:schemeClr val="tx1"/>
            </a:fontRef>
          </p:style>
        </p:cxnSp>
        <p:cxnSp>
          <p:nvCxnSpPr>
            <p:cNvPr id="150" name="Straight Connector 149">
              <a:extLst>
                <a:ext uri="{FF2B5EF4-FFF2-40B4-BE49-F238E27FC236}">
                  <a16:creationId xmlns:a16="http://schemas.microsoft.com/office/drawing/2014/main" id="{52AB0213-7ABA-7813-9CA0-ECC09B269195}"/>
                </a:ext>
              </a:extLst>
            </p:cNvPr>
            <p:cNvCxnSpPr>
              <a:cxnSpLocks/>
            </p:cNvCxnSpPr>
            <p:nvPr/>
          </p:nvCxnSpPr>
          <p:spPr>
            <a:xfrm>
              <a:off x="355676" y="4663716"/>
              <a:ext cx="0" cy="278897"/>
            </a:xfrm>
            <a:prstGeom prst="line">
              <a:avLst/>
            </a:prstGeom>
            <a:ln w="25400" cmpd="sng">
              <a:solidFill>
                <a:schemeClr val="tx2"/>
              </a:solidFill>
              <a:prstDash val="solid"/>
              <a:tailEnd type="triangle"/>
            </a:ln>
          </p:spPr>
          <p:style>
            <a:lnRef idx="1">
              <a:schemeClr val="accent1"/>
            </a:lnRef>
            <a:fillRef idx="0">
              <a:schemeClr val="accent1"/>
            </a:fillRef>
            <a:effectRef idx="0">
              <a:schemeClr val="accent1"/>
            </a:effectRef>
            <a:fontRef idx="minor">
              <a:schemeClr val="tx1"/>
            </a:fontRef>
          </p:style>
        </p:cxnSp>
      </p:grpSp>
      <p:sp>
        <p:nvSpPr>
          <p:cNvPr id="151" name="TextBox 150">
            <a:extLst>
              <a:ext uri="{FF2B5EF4-FFF2-40B4-BE49-F238E27FC236}">
                <a16:creationId xmlns:a16="http://schemas.microsoft.com/office/drawing/2014/main" id="{8792B450-14A1-0C65-E171-B035CB54CFF4}"/>
              </a:ext>
            </a:extLst>
          </p:cNvPr>
          <p:cNvSpPr txBox="1"/>
          <p:nvPr/>
        </p:nvSpPr>
        <p:spPr>
          <a:xfrm>
            <a:off x="1553749" y="4824122"/>
            <a:ext cx="1175322" cy="923330"/>
          </a:xfrm>
          <a:prstGeom prst="rect">
            <a:avLst/>
          </a:prstGeom>
          <a:noFill/>
        </p:spPr>
        <p:txBody>
          <a:bodyPr wrap="none" rtlCol="0">
            <a:spAutoFit/>
          </a:bodyPr>
          <a:lstStyle/>
          <a:p>
            <a:pPr algn="ctr">
              <a:buClr>
                <a:srgbClr val="008CCF"/>
              </a:buClr>
            </a:pPr>
            <a:r>
              <a:rPr lang="en-NO" dirty="0"/>
              <a:t>Lasagne </a:t>
            </a:r>
          </a:p>
          <a:p>
            <a:pPr algn="ctr">
              <a:buClr>
                <a:srgbClr val="008CCF"/>
              </a:buClr>
            </a:pPr>
            <a:r>
              <a:rPr lang="en-NO" dirty="0"/>
              <a:t>Private </a:t>
            </a:r>
          </a:p>
          <a:p>
            <a:pPr algn="ctr">
              <a:buClr>
                <a:srgbClr val="008CCF"/>
              </a:buClr>
            </a:pPr>
            <a:r>
              <a:rPr lang="en-NO" dirty="0"/>
              <a:t>Hospital</a:t>
            </a:r>
          </a:p>
        </p:txBody>
      </p:sp>
      <p:sp>
        <p:nvSpPr>
          <p:cNvPr id="152" name="TextBox 151">
            <a:extLst>
              <a:ext uri="{FF2B5EF4-FFF2-40B4-BE49-F238E27FC236}">
                <a16:creationId xmlns:a16="http://schemas.microsoft.com/office/drawing/2014/main" id="{84146783-49A4-2E85-87B7-FAE5C58DBEF0}"/>
              </a:ext>
            </a:extLst>
          </p:cNvPr>
          <p:cNvSpPr txBox="1"/>
          <p:nvPr/>
        </p:nvSpPr>
        <p:spPr>
          <a:xfrm>
            <a:off x="3092995" y="4824122"/>
            <a:ext cx="1237839" cy="923330"/>
          </a:xfrm>
          <a:prstGeom prst="rect">
            <a:avLst/>
          </a:prstGeom>
          <a:noFill/>
        </p:spPr>
        <p:txBody>
          <a:bodyPr wrap="none" rtlCol="0">
            <a:spAutoFit/>
          </a:bodyPr>
          <a:lstStyle/>
          <a:p>
            <a:pPr algn="ctr">
              <a:buClr>
                <a:srgbClr val="008CCF"/>
              </a:buClr>
            </a:pPr>
            <a:r>
              <a:rPr lang="en-NO" dirty="0"/>
              <a:t>Spaghetti</a:t>
            </a:r>
          </a:p>
          <a:p>
            <a:pPr algn="ctr">
              <a:buClr>
                <a:srgbClr val="008CCF"/>
              </a:buClr>
            </a:pPr>
            <a:r>
              <a:rPr lang="en-NO" dirty="0"/>
              <a:t>Health </a:t>
            </a:r>
          </a:p>
          <a:p>
            <a:pPr algn="ctr">
              <a:buClr>
                <a:srgbClr val="008CCF"/>
              </a:buClr>
            </a:pPr>
            <a:r>
              <a:rPr lang="es-ES" dirty="0"/>
              <a:t>C</a:t>
            </a:r>
            <a:r>
              <a:rPr lang="en-NO"/>
              <a:t>enter</a:t>
            </a:r>
            <a:endParaRPr lang="en-NO" dirty="0"/>
          </a:p>
        </p:txBody>
      </p:sp>
      <p:sp>
        <p:nvSpPr>
          <p:cNvPr id="153" name="Rectangle: Rounded Corners 97">
            <a:extLst>
              <a:ext uri="{FF2B5EF4-FFF2-40B4-BE49-F238E27FC236}">
                <a16:creationId xmlns:a16="http://schemas.microsoft.com/office/drawing/2014/main" id="{BC3EC283-CF0E-5A9C-F362-E287B2CFC4F9}"/>
              </a:ext>
            </a:extLst>
          </p:cNvPr>
          <p:cNvSpPr/>
          <p:nvPr/>
        </p:nvSpPr>
        <p:spPr>
          <a:xfrm>
            <a:off x="1680293" y="2906085"/>
            <a:ext cx="2574479" cy="685345"/>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dirty="0" err="1">
                <a:latin typeface="Rubik" pitchFamily="2" charset="-79"/>
                <a:cs typeface="Rubik" pitchFamily="2" charset="-79"/>
              </a:rPr>
              <a:t>Dinner</a:t>
            </a:r>
            <a:r>
              <a:rPr lang="es-ES" dirty="0">
                <a:latin typeface="Rubik" pitchFamily="2" charset="-79"/>
                <a:cs typeface="Rubik" pitchFamily="2" charset="-79"/>
              </a:rPr>
              <a:t> </a:t>
            </a:r>
            <a:r>
              <a:rPr lang="es-ES" dirty="0" err="1">
                <a:latin typeface="Rubik" pitchFamily="2" charset="-79"/>
                <a:cs typeface="Rubik" pitchFamily="2" charset="-79"/>
              </a:rPr>
              <a:t>District</a:t>
            </a:r>
            <a:endParaRPr lang="es-ES" dirty="0">
              <a:latin typeface="Rubik" pitchFamily="2" charset="-79"/>
              <a:cs typeface="Rubik" pitchFamily="2" charset="-79"/>
            </a:endParaRPr>
          </a:p>
        </p:txBody>
      </p:sp>
      <p:sp>
        <p:nvSpPr>
          <p:cNvPr id="154" name="Rectangle: Rounded Corners 97">
            <a:extLst>
              <a:ext uri="{FF2B5EF4-FFF2-40B4-BE49-F238E27FC236}">
                <a16:creationId xmlns:a16="http://schemas.microsoft.com/office/drawing/2014/main" id="{D492DD82-1731-8B7E-6BD3-6A8BEF159A03}"/>
              </a:ext>
            </a:extLst>
          </p:cNvPr>
          <p:cNvSpPr/>
          <p:nvPr/>
        </p:nvSpPr>
        <p:spPr>
          <a:xfrm>
            <a:off x="8085413" y="2906085"/>
            <a:ext cx="2574479" cy="685345"/>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dirty="0">
                <a:latin typeface="Rubik" pitchFamily="2" charset="-79"/>
                <a:cs typeface="Rubik" pitchFamily="2" charset="-79"/>
              </a:rPr>
              <a:t>Vegetable </a:t>
            </a:r>
            <a:r>
              <a:rPr lang="es-ES" dirty="0" err="1">
                <a:latin typeface="Rubik" pitchFamily="2" charset="-79"/>
                <a:cs typeface="Rubik" pitchFamily="2" charset="-79"/>
              </a:rPr>
              <a:t>District</a:t>
            </a:r>
            <a:endParaRPr lang="es-ES" dirty="0">
              <a:latin typeface="Rubik" pitchFamily="2" charset="-79"/>
              <a:cs typeface="Rubik" pitchFamily="2" charset="-79"/>
            </a:endParaRPr>
          </a:p>
        </p:txBody>
      </p:sp>
      <p:sp>
        <p:nvSpPr>
          <p:cNvPr id="155" name="TextBox 154">
            <a:extLst>
              <a:ext uri="{FF2B5EF4-FFF2-40B4-BE49-F238E27FC236}">
                <a16:creationId xmlns:a16="http://schemas.microsoft.com/office/drawing/2014/main" id="{DB9D430D-E2B9-D65F-49BA-0EA2C7781EAA}"/>
              </a:ext>
            </a:extLst>
          </p:cNvPr>
          <p:cNvSpPr txBox="1"/>
          <p:nvPr/>
        </p:nvSpPr>
        <p:spPr>
          <a:xfrm>
            <a:off x="4756337" y="4824122"/>
            <a:ext cx="976549" cy="923330"/>
          </a:xfrm>
          <a:prstGeom prst="rect">
            <a:avLst/>
          </a:prstGeom>
          <a:noFill/>
        </p:spPr>
        <p:txBody>
          <a:bodyPr wrap="none" rtlCol="0">
            <a:spAutoFit/>
          </a:bodyPr>
          <a:lstStyle/>
          <a:p>
            <a:pPr algn="ctr">
              <a:buClr>
                <a:srgbClr val="008CCF"/>
              </a:buClr>
            </a:pPr>
            <a:r>
              <a:rPr lang="en-NO" dirty="0"/>
              <a:t>Apple </a:t>
            </a:r>
          </a:p>
          <a:p>
            <a:pPr algn="ctr">
              <a:buClr>
                <a:srgbClr val="008CCF"/>
              </a:buClr>
            </a:pPr>
            <a:r>
              <a:rPr lang="en-NO" dirty="0"/>
              <a:t>Health </a:t>
            </a:r>
          </a:p>
          <a:p>
            <a:pPr algn="ctr">
              <a:buClr>
                <a:srgbClr val="008CCF"/>
              </a:buClr>
            </a:pPr>
            <a:r>
              <a:rPr lang="en-NO" dirty="0"/>
              <a:t>Center</a:t>
            </a:r>
          </a:p>
        </p:txBody>
      </p:sp>
      <p:sp>
        <p:nvSpPr>
          <p:cNvPr id="156" name="TextBox 155">
            <a:extLst>
              <a:ext uri="{FF2B5EF4-FFF2-40B4-BE49-F238E27FC236}">
                <a16:creationId xmlns:a16="http://schemas.microsoft.com/office/drawing/2014/main" id="{469E62EB-84ED-5AD6-1BAC-57055BC56530}"/>
              </a:ext>
            </a:extLst>
          </p:cNvPr>
          <p:cNvSpPr txBox="1"/>
          <p:nvPr/>
        </p:nvSpPr>
        <p:spPr>
          <a:xfrm>
            <a:off x="6312577" y="4824122"/>
            <a:ext cx="1066318" cy="923330"/>
          </a:xfrm>
          <a:prstGeom prst="rect">
            <a:avLst/>
          </a:prstGeom>
          <a:noFill/>
        </p:spPr>
        <p:txBody>
          <a:bodyPr wrap="none" rtlCol="0">
            <a:spAutoFit/>
          </a:bodyPr>
          <a:lstStyle/>
          <a:p>
            <a:pPr algn="ctr">
              <a:buClr>
                <a:srgbClr val="008CCF"/>
              </a:buClr>
            </a:pPr>
            <a:r>
              <a:rPr lang="en-NO" dirty="0"/>
              <a:t>Banana </a:t>
            </a:r>
          </a:p>
          <a:p>
            <a:pPr algn="ctr">
              <a:buClr>
                <a:srgbClr val="008CCF"/>
              </a:buClr>
            </a:pPr>
            <a:r>
              <a:rPr lang="en-NO" dirty="0"/>
              <a:t>District </a:t>
            </a:r>
          </a:p>
          <a:p>
            <a:pPr algn="ctr">
              <a:buClr>
                <a:srgbClr val="008CCF"/>
              </a:buClr>
            </a:pPr>
            <a:r>
              <a:rPr lang="en-NO" dirty="0"/>
              <a:t>Hospital</a:t>
            </a:r>
          </a:p>
        </p:txBody>
      </p:sp>
      <p:sp>
        <p:nvSpPr>
          <p:cNvPr id="157" name="TextBox 156">
            <a:extLst>
              <a:ext uri="{FF2B5EF4-FFF2-40B4-BE49-F238E27FC236}">
                <a16:creationId xmlns:a16="http://schemas.microsoft.com/office/drawing/2014/main" id="{6BC6A7BB-9D54-606C-8475-179A3FE7773E}"/>
              </a:ext>
            </a:extLst>
          </p:cNvPr>
          <p:cNvSpPr txBox="1"/>
          <p:nvPr/>
        </p:nvSpPr>
        <p:spPr>
          <a:xfrm>
            <a:off x="7972268" y="4824122"/>
            <a:ext cx="1066318" cy="923330"/>
          </a:xfrm>
          <a:prstGeom prst="rect">
            <a:avLst/>
          </a:prstGeom>
          <a:noFill/>
        </p:spPr>
        <p:txBody>
          <a:bodyPr wrap="none" rtlCol="0">
            <a:spAutoFit/>
          </a:bodyPr>
          <a:lstStyle/>
          <a:p>
            <a:pPr algn="ctr">
              <a:buClr>
                <a:srgbClr val="008CCF"/>
              </a:buClr>
            </a:pPr>
            <a:r>
              <a:rPr lang="en-NO" dirty="0"/>
              <a:t>Carrot</a:t>
            </a:r>
          </a:p>
          <a:p>
            <a:pPr algn="ctr">
              <a:buClr>
                <a:srgbClr val="008CCF"/>
              </a:buClr>
            </a:pPr>
            <a:r>
              <a:rPr lang="en-NO" dirty="0"/>
              <a:t>District </a:t>
            </a:r>
          </a:p>
          <a:p>
            <a:pPr algn="ctr">
              <a:buClr>
                <a:srgbClr val="008CCF"/>
              </a:buClr>
            </a:pPr>
            <a:r>
              <a:rPr lang="en-NO" dirty="0"/>
              <a:t>Hospital</a:t>
            </a:r>
          </a:p>
        </p:txBody>
      </p:sp>
      <p:sp>
        <p:nvSpPr>
          <p:cNvPr id="158" name="TextBox 157">
            <a:extLst>
              <a:ext uri="{FF2B5EF4-FFF2-40B4-BE49-F238E27FC236}">
                <a16:creationId xmlns:a16="http://schemas.microsoft.com/office/drawing/2014/main" id="{9FD05949-44AA-3A99-314C-79C847E891A2}"/>
              </a:ext>
            </a:extLst>
          </p:cNvPr>
          <p:cNvSpPr txBox="1"/>
          <p:nvPr/>
        </p:nvSpPr>
        <p:spPr>
          <a:xfrm>
            <a:off x="9515734" y="4824122"/>
            <a:ext cx="1088760" cy="923330"/>
          </a:xfrm>
          <a:prstGeom prst="rect">
            <a:avLst/>
          </a:prstGeom>
          <a:noFill/>
        </p:spPr>
        <p:txBody>
          <a:bodyPr wrap="none" rtlCol="0">
            <a:spAutoFit/>
          </a:bodyPr>
          <a:lstStyle/>
          <a:p>
            <a:pPr algn="ctr">
              <a:buClr>
                <a:srgbClr val="008CCF"/>
              </a:buClr>
            </a:pPr>
            <a:r>
              <a:rPr lang="en-NO" dirty="0"/>
              <a:t>Spinach</a:t>
            </a:r>
          </a:p>
          <a:p>
            <a:pPr algn="ctr">
              <a:buClr>
                <a:srgbClr val="008CCF"/>
              </a:buClr>
            </a:pPr>
            <a:r>
              <a:rPr lang="en-NO" dirty="0"/>
              <a:t>Health</a:t>
            </a:r>
          </a:p>
          <a:p>
            <a:pPr algn="ctr">
              <a:buClr>
                <a:srgbClr val="008CCF"/>
              </a:buClr>
            </a:pPr>
            <a:r>
              <a:rPr lang="en-NO" dirty="0"/>
              <a:t>Center</a:t>
            </a:r>
          </a:p>
        </p:txBody>
      </p:sp>
      <p:cxnSp>
        <p:nvCxnSpPr>
          <p:cNvPr id="162" name="Straight Connector 161">
            <a:extLst>
              <a:ext uri="{FF2B5EF4-FFF2-40B4-BE49-F238E27FC236}">
                <a16:creationId xmlns:a16="http://schemas.microsoft.com/office/drawing/2014/main" id="{73956703-D0DE-DC2D-4645-BE20D79B049A}"/>
              </a:ext>
            </a:extLst>
          </p:cNvPr>
          <p:cNvCxnSpPr>
            <a:cxnSpLocks/>
          </p:cNvCxnSpPr>
          <p:nvPr/>
        </p:nvCxnSpPr>
        <p:spPr>
          <a:xfrm>
            <a:off x="3680840" y="3806847"/>
            <a:ext cx="0" cy="278897"/>
          </a:xfrm>
          <a:prstGeom prst="line">
            <a:avLst/>
          </a:prstGeom>
          <a:ln w="25400" cmpd="sng">
            <a:solidFill>
              <a:schemeClr val="tx2"/>
            </a:solidFill>
            <a:prstDash val="solid"/>
            <a:tailEnd type="triangle"/>
          </a:ln>
        </p:spPr>
        <p:style>
          <a:lnRef idx="1">
            <a:schemeClr val="accent1"/>
          </a:lnRef>
          <a:fillRef idx="0">
            <a:schemeClr val="accent1"/>
          </a:fillRef>
          <a:effectRef idx="0">
            <a:schemeClr val="accent1"/>
          </a:effectRef>
          <a:fontRef idx="minor">
            <a:schemeClr val="tx1"/>
          </a:fontRef>
        </p:style>
      </p:cxnSp>
      <p:grpSp>
        <p:nvGrpSpPr>
          <p:cNvPr id="163" name="Group 162">
            <a:extLst>
              <a:ext uri="{FF2B5EF4-FFF2-40B4-BE49-F238E27FC236}">
                <a16:creationId xmlns:a16="http://schemas.microsoft.com/office/drawing/2014/main" id="{9549A743-E3DE-DBC2-A301-6D35B1E61422}"/>
              </a:ext>
            </a:extLst>
          </p:cNvPr>
          <p:cNvGrpSpPr/>
          <p:nvPr/>
        </p:nvGrpSpPr>
        <p:grpSpPr>
          <a:xfrm>
            <a:off x="5258266" y="3792907"/>
            <a:ext cx="1564592" cy="281583"/>
            <a:chOff x="344097" y="4667459"/>
            <a:chExt cx="3840652" cy="281583"/>
          </a:xfrm>
        </p:grpSpPr>
        <p:cxnSp>
          <p:nvCxnSpPr>
            <p:cNvPr id="164" name="Straight Connector 163">
              <a:extLst>
                <a:ext uri="{FF2B5EF4-FFF2-40B4-BE49-F238E27FC236}">
                  <a16:creationId xmlns:a16="http://schemas.microsoft.com/office/drawing/2014/main" id="{C9FE7358-FA90-BB02-3927-A422A2D61F85}"/>
                </a:ext>
              </a:extLst>
            </p:cNvPr>
            <p:cNvCxnSpPr>
              <a:cxnSpLocks/>
            </p:cNvCxnSpPr>
            <p:nvPr/>
          </p:nvCxnSpPr>
          <p:spPr>
            <a:xfrm flipH="1">
              <a:off x="344097" y="4673603"/>
              <a:ext cx="3840652" cy="0"/>
            </a:xfrm>
            <a:prstGeom prst="line">
              <a:avLst/>
            </a:prstGeom>
            <a:ln w="25400">
              <a:solidFill>
                <a:schemeClr val="tx2"/>
              </a:solidFill>
              <a:prstDash val="solid"/>
              <a:tailEnd type="none"/>
            </a:ln>
          </p:spPr>
          <p:style>
            <a:lnRef idx="1">
              <a:schemeClr val="accent1"/>
            </a:lnRef>
            <a:fillRef idx="0">
              <a:schemeClr val="accent1"/>
            </a:fillRef>
            <a:effectRef idx="0">
              <a:schemeClr val="accent1"/>
            </a:effectRef>
            <a:fontRef idx="minor">
              <a:schemeClr val="tx1"/>
            </a:fontRef>
          </p:style>
        </p:cxnSp>
        <p:cxnSp>
          <p:nvCxnSpPr>
            <p:cNvPr id="165" name="Straight Connector 164">
              <a:extLst>
                <a:ext uri="{FF2B5EF4-FFF2-40B4-BE49-F238E27FC236}">
                  <a16:creationId xmlns:a16="http://schemas.microsoft.com/office/drawing/2014/main" id="{15487E69-F40D-49F4-80DA-A092D0F73FCD}"/>
                </a:ext>
              </a:extLst>
            </p:cNvPr>
            <p:cNvCxnSpPr>
              <a:cxnSpLocks/>
            </p:cNvCxnSpPr>
            <p:nvPr/>
          </p:nvCxnSpPr>
          <p:spPr>
            <a:xfrm>
              <a:off x="355676" y="4667459"/>
              <a:ext cx="0" cy="281583"/>
            </a:xfrm>
            <a:prstGeom prst="line">
              <a:avLst/>
            </a:prstGeom>
            <a:ln w="25400" cmpd="sng">
              <a:solidFill>
                <a:schemeClr val="tx2"/>
              </a:solidFill>
              <a:prstDash val="solid"/>
              <a:tailEnd type="triangle"/>
            </a:ln>
          </p:spPr>
          <p:style>
            <a:lnRef idx="1">
              <a:schemeClr val="accent1"/>
            </a:lnRef>
            <a:fillRef idx="0">
              <a:schemeClr val="accent1"/>
            </a:fillRef>
            <a:effectRef idx="0">
              <a:schemeClr val="accent1"/>
            </a:effectRef>
            <a:fontRef idx="minor">
              <a:schemeClr val="tx1"/>
            </a:fontRef>
          </p:style>
        </p:cxnSp>
      </p:grpSp>
      <p:cxnSp>
        <p:nvCxnSpPr>
          <p:cNvPr id="166" name="Straight Connector 165">
            <a:extLst>
              <a:ext uri="{FF2B5EF4-FFF2-40B4-BE49-F238E27FC236}">
                <a16:creationId xmlns:a16="http://schemas.microsoft.com/office/drawing/2014/main" id="{99B64680-B90E-8338-B247-3BA968332175}"/>
              </a:ext>
            </a:extLst>
          </p:cNvPr>
          <p:cNvCxnSpPr>
            <a:cxnSpLocks/>
          </p:cNvCxnSpPr>
          <p:nvPr/>
        </p:nvCxnSpPr>
        <p:spPr>
          <a:xfrm>
            <a:off x="6822858" y="3789449"/>
            <a:ext cx="0" cy="285041"/>
          </a:xfrm>
          <a:prstGeom prst="line">
            <a:avLst/>
          </a:prstGeom>
          <a:ln w="25400" cmpd="sng">
            <a:solidFill>
              <a:schemeClr val="tx2"/>
            </a:solidFill>
            <a:prstDash val="solid"/>
            <a:tailEnd type="triangle"/>
          </a:ln>
        </p:spPr>
        <p:style>
          <a:lnRef idx="1">
            <a:schemeClr val="accent1"/>
          </a:lnRef>
          <a:fillRef idx="0">
            <a:schemeClr val="accent1"/>
          </a:fillRef>
          <a:effectRef idx="0">
            <a:schemeClr val="accent1"/>
          </a:effectRef>
          <a:fontRef idx="minor">
            <a:schemeClr val="tx1"/>
          </a:fontRef>
        </p:style>
      </p:cxnSp>
      <p:grpSp>
        <p:nvGrpSpPr>
          <p:cNvPr id="174" name="Group 173">
            <a:extLst>
              <a:ext uri="{FF2B5EF4-FFF2-40B4-BE49-F238E27FC236}">
                <a16:creationId xmlns:a16="http://schemas.microsoft.com/office/drawing/2014/main" id="{E4D0887A-6AE6-3580-975C-1D52045E2E19}"/>
              </a:ext>
            </a:extLst>
          </p:cNvPr>
          <p:cNvGrpSpPr/>
          <p:nvPr/>
        </p:nvGrpSpPr>
        <p:grpSpPr>
          <a:xfrm>
            <a:off x="8471198" y="3790891"/>
            <a:ext cx="1564592" cy="281583"/>
            <a:chOff x="344097" y="4667459"/>
            <a:chExt cx="3840652" cy="281583"/>
          </a:xfrm>
        </p:grpSpPr>
        <p:cxnSp>
          <p:nvCxnSpPr>
            <p:cNvPr id="175" name="Straight Connector 174">
              <a:extLst>
                <a:ext uri="{FF2B5EF4-FFF2-40B4-BE49-F238E27FC236}">
                  <a16:creationId xmlns:a16="http://schemas.microsoft.com/office/drawing/2014/main" id="{A7A8B101-5922-C379-2591-128501C5615E}"/>
                </a:ext>
              </a:extLst>
            </p:cNvPr>
            <p:cNvCxnSpPr>
              <a:cxnSpLocks/>
            </p:cNvCxnSpPr>
            <p:nvPr/>
          </p:nvCxnSpPr>
          <p:spPr>
            <a:xfrm flipH="1">
              <a:off x="344097" y="4673603"/>
              <a:ext cx="3840652" cy="0"/>
            </a:xfrm>
            <a:prstGeom prst="line">
              <a:avLst/>
            </a:prstGeom>
            <a:ln w="25400">
              <a:solidFill>
                <a:schemeClr val="tx2"/>
              </a:solidFill>
              <a:prstDash val="solid"/>
              <a:tailEnd type="none"/>
            </a:ln>
          </p:spPr>
          <p:style>
            <a:lnRef idx="1">
              <a:schemeClr val="accent1"/>
            </a:lnRef>
            <a:fillRef idx="0">
              <a:schemeClr val="accent1"/>
            </a:fillRef>
            <a:effectRef idx="0">
              <a:schemeClr val="accent1"/>
            </a:effectRef>
            <a:fontRef idx="minor">
              <a:schemeClr val="tx1"/>
            </a:fontRef>
          </p:style>
        </p:cxnSp>
        <p:cxnSp>
          <p:nvCxnSpPr>
            <p:cNvPr id="176" name="Straight Connector 175">
              <a:extLst>
                <a:ext uri="{FF2B5EF4-FFF2-40B4-BE49-F238E27FC236}">
                  <a16:creationId xmlns:a16="http://schemas.microsoft.com/office/drawing/2014/main" id="{EBB7C6B1-49A6-312F-B464-2D3DBA629E93}"/>
                </a:ext>
              </a:extLst>
            </p:cNvPr>
            <p:cNvCxnSpPr>
              <a:cxnSpLocks/>
            </p:cNvCxnSpPr>
            <p:nvPr/>
          </p:nvCxnSpPr>
          <p:spPr>
            <a:xfrm>
              <a:off x="355676" y="4667459"/>
              <a:ext cx="0" cy="281583"/>
            </a:xfrm>
            <a:prstGeom prst="line">
              <a:avLst/>
            </a:prstGeom>
            <a:ln w="25400" cmpd="sng">
              <a:solidFill>
                <a:schemeClr val="tx2"/>
              </a:solidFill>
              <a:prstDash val="solid"/>
              <a:tailEnd type="triangle"/>
            </a:ln>
          </p:spPr>
          <p:style>
            <a:lnRef idx="1">
              <a:schemeClr val="accent1"/>
            </a:lnRef>
            <a:fillRef idx="0">
              <a:schemeClr val="accent1"/>
            </a:fillRef>
            <a:effectRef idx="0">
              <a:schemeClr val="accent1"/>
            </a:effectRef>
            <a:fontRef idx="minor">
              <a:schemeClr val="tx1"/>
            </a:fontRef>
          </p:style>
        </p:cxnSp>
      </p:grpSp>
      <p:cxnSp>
        <p:nvCxnSpPr>
          <p:cNvPr id="177" name="Straight Connector 176">
            <a:extLst>
              <a:ext uri="{FF2B5EF4-FFF2-40B4-BE49-F238E27FC236}">
                <a16:creationId xmlns:a16="http://schemas.microsoft.com/office/drawing/2014/main" id="{2710EDB4-16FF-B1E5-339B-C158CBCD2A8C}"/>
              </a:ext>
            </a:extLst>
          </p:cNvPr>
          <p:cNvCxnSpPr>
            <a:cxnSpLocks/>
          </p:cNvCxnSpPr>
          <p:nvPr/>
        </p:nvCxnSpPr>
        <p:spPr>
          <a:xfrm>
            <a:off x="10039277" y="3787329"/>
            <a:ext cx="0" cy="285041"/>
          </a:xfrm>
          <a:prstGeom prst="line">
            <a:avLst/>
          </a:prstGeom>
          <a:ln w="25400" cmpd="sng">
            <a:solidFill>
              <a:schemeClr val="tx2"/>
            </a:solidFill>
            <a:prstDash val="solid"/>
            <a:tailEnd type="triangle"/>
          </a:ln>
        </p:spPr>
        <p:style>
          <a:lnRef idx="1">
            <a:schemeClr val="accent1"/>
          </a:lnRef>
          <a:fillRef idx="0">
            <a:schemeClr val="accent1"/>
          </a:fillRef>
          <a:effectRef idx="0">
            <a:schemeClr val="accent1"/>
          </a:effectRef>
          <a:fontRef idx="minor">
            <a:schemeClr val="tx1"/>
          </a:fontRef>
        </p:style>
      </p:cxnSp>
      <p:grpSp>
        <p:nvGrpSpPr>
          <p:cNvPr id="189" name="Group 188">
            <a:extLst>
              <a:ext uri="{FF2B5EF4-FFF2-40B4-BE49-F238E27FC236}">
                <a16:creationId xmlns:a16="http://schemas.microsoft.com/office/drawing/2014/main" id="{E3A956F4-CF5C-5511-877F-59708803CFC6}"/>
              </a:ext>
            </a:extLst>
          </p:cNvPr>
          <p:cNvGrpSpPr/>
          <p:nvPr/>
        </p:nvGrpSpPr>
        <p:grpSpPr>
          <a:xfrm>
            <a:off x="2952670" y="2606201"/>
            <a:ext cx="6419930" cy="281583"/>
            <a:chOff x="344097" y="4667459"/>
            <a:chExt cx="15759199" cy="281583"/>
          </a:xfrm>
        </p:grpSpPr>
        <p:cxnSp>
          <p:nvCxnSpPr>
            <p:cNvPr id="190" name="Straight Connector 189">
              <a:extLst>
                <a:ext uri="{FF2B5EF4-FFF2-40B4-BE49-F238E27FC236}">
                  <a16:creationId xmlns:a16="http://schemas.microsoft.com/office/drawing/2014/main" id="{9F76B964-6E13-69D9-AFEA-4AB237C2C909}"/>
                </a:ext>
              </a:extLst>
            </p:cNvPr>
            <p:cNvCxnSpPr>
              <a:cxnSpLocks/>
            </p:cNvCxnSpPr>
            <p:nvPr/>
          </p:nvCxnSpPr>
          <p:spPr>
            <a:xfrm flipH="1">
              <a:off x="344097" y="4667459"/>
              <a:ext cx="15759199" cy="6144"/>
            </a:xfrm>
            <a:prstGeom prst="line">
              <a:avLst/>
            </a:prstGeom>
            <a:ln w="25400">
              <a:solidFill>
                <a:schemeClr val="tx2"/>
              </a:solidFill>
              <a:prstDash val="solid"/>
              <a:tailEnd type="none"/>
            </a:ln>
          </p:spPr>
          <p:style>
            <a:lnRef idx="1">
              <a:schemeClr val="accent1"/>
            </a:lnRef>
            <a:fillRef idx="0">
              <a:schemeClr val="accent1"/>
            </a:fillRef>
            <a:effectRef idx="0">
              <a:schemeClr val="accent1"/>
            </a:effectRef>
            <a:fontRef idx="minor">
              <a:schemeClr val="tx1"/>
            </a:fontRef>
          </p:style>
        </p:cxnSp>
        <p:cxnSp>
          <p:nvCxnSpPr>
            <p:cNvPr id="191" name="Straight Connector 190">
              <a:extLst>
                <a:ext uri="{FF2B5EF4-FFF2-40B4-BE49-F238E27FC236}">
                  <a16:creationId xmlns:a16="http://schemas.microsoft.com/office/drawing/2014/main" id="{B68474EC-A82E-521C-3AE3-D626D98595C0}"/>
                </a:ext>
              </a:extLst>
            </p:cNvPr>
            <p:cNvCxnSpPr>
              <a:cxnSpLocks/>
            </p:cNvCxnSpPr>
            <p:nvPr/>
          </p:nvCxnSpPr>
          <p:spPr>
            <a:xfrm>
              <a:off x="355676" y="4667459"/>
              <a:ext cx="0" cy="281583"/>
            </a:xfrm>
            <a:prstGeom prst="line">
              <a:avLst/>
            </a:prstGeom>
            <a:ln w="25400" cmpd="sng">
              <a:solidFill>
                <a:schemeClr val="tx2"/>
              </a:solidFill>
              <a:prstDash val="solid"/>
              <a:tailEnd type="triangle"/>
            </a:ln>
          </p:spPr>
          <p:style>
            <a:lnRef idx="1">
              <a:schemeClr val="accent1"/>
            </a:lnRef>
            <a:fillRef idx="0">
              <a:schemeClr val="accent1"/>
            </a:fillRef>
            <a:effectRef idx="0">
              <a:schemeClr val="accent1"/>
            </a:effectRef>
            <a:fontRef idx="minor">
              <a:schemeClr val="tx1"/>
            </a:fontRef>
          </p:style>
        </p:cxnSp>
      </p:grpSp>
      <p:cxnSp>
        <p:nvCxnSpPr>
          <p:cNvPr id="193" name="Straight Connector 192">
            <a:extLst>
              <a:ext uri="{FF2B5EF4-FFF2-40B4-BE49-F238E27FC236}">
                <a16:creationId xmlns:a16="http://schemas.microsoft.com/office/drawing/2014/main" id="{13024C9E-C7C0-0F4A-0B2E-6AB38554F564}"/>
              </a:ext>
            </a:extLst>
          </p:cNvPr>
          <p:cNvCxnSpPr>
            <a:cxnSpLocks/>
          </p:cNvCxnSpPr>
          <p:nvPr/>
        </p:nvCxnSpPr>
        <p:spPr>
          <a:xfrm>
            <a:off x="6106965" y="2606201"/>
            <a:ext cx="0" cy="281583"/>
          </a:xfrm>
          <a:prstGeom prst="line">
            <a:avLst/>
          </a:prstGeom>
          <a:ln w="25400" cmpd="sng">
            <a:solidFill>
              <a:schemeClr val="tx2"/>
            </a:solidFill>
            <a:prstDash val="solid"/>
            <a:tailEnd type="triangle"/>
          </a:ln>
        </p:spPr>
        <p:style>
          <a:lnRef idx="1">
            <a:schemeClr val="accent1"/>
          </a:lnRef>
          <a:fillRef idx="0">
            <a:schemeClr val="accent1"/>
          </a:fillRef>
          <a:effectRef idx="0">
            <a:schemeClr val="accent1"/>
          </a:effectRef>
          <a:fontRef idx="minor">
            <a:schemeClr val="tx1"/>
          </a:fontRef>
        </p:style>
      </p:cxnSp>
      <p:cxnSp>
        <p:nvCxnSpPr>
          <p:cNvPr id="194" name="Straight Connector 193">
            <a:extLst>
              <a:ext uri="{FF2B5EF4-FFF2-40B4-BE49-F238E27FC236}">
                <a16:creationId xmlns:a16="http://schemas.microsoft.com/office/drawing/2014/main" id="{C29A69FD-46A6-6A4E-0FD5-38A330B7166E}"/>
              </a:ext>
            </a:extLst>
          </p:cNvPr>
          <p:cNvCxnSpPr>
            <a:cxnSpLocks/>
          </p:cNvCxnSpPr>
          <p:nvPr/>
        </p:nvCxnSpPr>
        <p:spPr>
          <a:xfrm>
            <a:off x="9371723" y="2606200"/>
            <a:ext cx="0" cy="281583"/>
          </a:xfrm>
          <a:prstGeom prst="line">
            <a:avLst/>
          </a:prstGeom>
          <a:ln w="25400" cmpd="sng">
            <a:solidFill>
              <a:schemeClr val="tx2"/>
            </a:solidFill>
            <a:prstDash val="solid"/>
            <a:tailEnd type="triangle"/>
          </a:ln>
        </p:spPr>
        <p:style>
          <a:lnRef idx="1">
            <a:schemeClr val="accent1"/>
          </a:lnRef>
          <a:fillRef idx="0">
            <a:schemeClr val="accent1"/>
          </a:fillRef>
          <a:effectRef idx="0">
            <a:schemeClr val="accent1"/>
          </a:effectRef>
          <a:fontRef idx="minor">
            <a:schemeClr val="tx1"/>
          </a:fontRef>
        </p:style>
      </p:cxnSp>
      <p:cxnSp>
        <p:nvCxnSpPr>
          <p:cNvPr id="195" name="Straight Connector 194">
            <a:extLst>
              <a:ext uri="{FF2B5EF4-FFF2-40B4-BE49-F238E27FC236}">
                <a16:creationId xmlns:a16="http://schemas.microsoft.com/office/drawing/2014/main" id="{9E8A5D08-657E-1592-3D57-B6EE9D4974A2}"/>
              </a:ext>
            </a:extLst>
          </p:cNvPr>
          <p:cNvCxnSpPr>
            <a:cxnSpLocks/>
          </p:cNvCxnSpPr>
          <p:nvPr/>
        </p:nvCxnSpPr>
        <p:spPr>
          <a:xfrm>
            <a:off x="6106138" y="2344089"/>
            <a:ext cx="0" cy="281583"/>
          </a:xfrm>
          <a:prstGeom prst="line">
            <a:avLst/>
          </a:prstGeom>
          <a:ln w="25400" cmpd="sng">
            <a:solidFill>
              <a:schemeClr val="tx2"/>
            </a:solidFill>
            <a:prstDash val="solid"/>
            <a:tailEnd type="none"/>
          </a:ln>
        </p:spPr>
        <p:style>
          <a:lnRef idx="1">
            <a:schemeClr val="accent1"/>
          </a:lnRef>
          <a:fillRef idx="0">
            <a:schemeClr val="accent1"/>
          </a:fillRef>
          <a:effectRef idx="0">
            <a:schemeClr val="accent1"/>
          </a:effectRef>
          <a:fontRef idx="minor">
            <a:schemeClr val="tx1"/>
          </a:fontRef>
        </p:style>
      </p:cxnSp>
      <p:cxnSp>
        <p:nvCxnSpPr>
          <p:cNvPr id="196" name="Straight Connector 195">
            <a:extLst>
              <a:ext uri="{FF2B5EF4-FFF2-40B4-BE49-F238E27FC236}">
                <a16:creationId xmlns:a16="http://schemas.microsoft.com/office/drawing/2014/main" id="{7B470B96-76E1-F044-F3E7-823FA9765CBF}"/>
              </a:ext>
            </a:extLst>
          </p:cNvPr>
          <p:cNvCxnSpPr>
            <a:cxnSpLocks/>
            <a:stCxn id="145" idx="2"/>
          </p:cNvCxnSpPr>
          <p:nvPr/>
        </p:nvCxnSpPr>
        <p:spPr>
          <a:xfrm flipH="1">
            <a:off x="6106138" y="3591430"/>
            <a:ext cx="1" cy="212201"/>
          </a:xfrm>
          <a:prstGeom prst="line">
            <a:avLst/>
          </a:prstGeom>
          <a:ln w="25400" cmpd="sng">
            <a:solidFill>
              <a:schemeClr val="tx2"/>
            </a:solidFill>
            <a:prstDash val="solid"/>
            <a:tailEnd type="none"/>
          </a:ln>
        </p:spPr>
        <p:style>
          <a:lnRef idx="1">
            <a:schemeClr val="accent1"/>
          </a:lnRef>
          <a:fillRef idx="0">
            <a:schemeClr val="accent1"/>
          </a:fillRef>
          <a:effectRef idx="0">
            <a:schemeClr val="accent1"/>
          </a:effectRef>
          <a:fontRef idx="minor">
            <a:schemeClr val="tx1"/>
          </a:fontRef>
        </p:style>
      </p:cxnSp>
      <p:cxnSp>
        <p:nvCxnSpPr>
          <p:cNvPr id="201" name="Straight Connector 200">
            <a:extLst>
              <a:ext uri="{FF2B5EF4-FFF2-40B4-BE49-F238E27FC236}">
                <a16:creationId xmlns:a16="http://schemas.microsoft.com/office/drawing/2014/main" id="{F189E451-8161-59FA-FF23-3C05DF2EE8FF}"/>
              </a:ext>
            </a:extLst>
          </p:cNvPr>
          <p:cNvCxnSpPr>
            <a:cxnSpLocks/>
          </p:cNvCxnSpPr>
          <p:nvPr/>
        </p:nvCxnSpPr>
        <p:spPr>
          <a:xfrm flipH="1">
            <a:off x="2952670" y="3607088"/>
            <a:ext cx="1" cy="206430"/>
          </a:xfrm>
          <a:prstGeom prst="line">
            <a:avLst/>
          </a:prstGeom>
          <a:ln w="25400" cmpd="sng">
            <a:solidFill>
              <a:schemeClr val="tx2"/>
            </a:solidFill>
            <a:prstDash val="solid"/>
            <a:tailEnd type="none"/>
          </a:ln>
        </p:spPr>
        <p:style>
          <a:lnRef idx="1">
            <a:schemeClr val="accent1"/>
          </a:lnRef>
          <a:fillRef idx="0">
            <a:schemeClr val="accent1"/>
          </a:fillRef>
          <a:effectRef idx="0">
            <a:schemeClr val="accent1"/>
          </a:effectRef>
          <a:fontRef idx="minor">
            <a:schemeClr val="tx1"/>
          </a:fontRef>
        </p:style>
      </p:cxnSp>
      <p:cxnSp>
        <p:nvCxnSpPr>
          <p:cNvPr id="203" name="Straight Connector 202">
            <a:extLst>
              <a:ext uri="{FF2B5EF4-FFF2-40B4-BE49-F238E27FC236}">
                <a16:creationId xmlns:a16="http://schemas.microsoft.com/office/drawing/2014/main" id="{F838536A-C854-B907-DB7D-22A115276665}"/>
              </a:ext>
            </a:extLst>
          </p:cNvPr>
          <p:cNvCxnSpPr>
            <a:cxnSpLocks/>
          </p:cNvCxnSpPr>
          <p:nvPr/>
        </p:nvCxnSpPr>
        <p:spPr>
          <a:xfrm flipH="1">
            <a:off x="9359999" y="3573082"/>
            <a:ext cx="1" cy="205367"/>
          </a:xfrm>
          <a:prstGeom prst="line">
            <a:avLst/>
          </a:prstGeom>
          <a:ln w="25400" cmpd="sng">
            <a:solidFill>
              <a:schemeClr val="tx2"/>
            </a:solidFill>
            <a:prstDash val="solid"/>
            <a:tailEnd type="none"/>
          </a:ln>
        </p:spPr>
        <p:style>
          <a:lnRef idx="1">
            <a:schemeClr val="accent1"/>
          </a:lnRef>
          <a:fillRef idx="0">
            <a:schemeClr val="accent1"/>
          </a:fillRef>
          <a:effectRef idx="0">
            <a:schemeClr val="accent1"/>
          </a:effectRef>
          <a:fontRef idx="minor">
            <a:schemeClr val="tx1"/>
          </a:fontRef>
        </p:style>
      </p:cxnSp>
      <p:grpSp>
        <p:nvGrpSpPr>
          <p:cNvPr id="90" name="Group 89">
            <a:extLst>
              <a:ext uri="{FF2B5EF4-FFF2-40B4-BE49-F238E27FC236}">
                <a16:creationId xmlns:a16="http://schemas.microsoft.com/office/drawing/2014/main" id="{41F0037A-0132-0423-9AD5-5037898FE683}"/>
              </a:ext>
            </a:extLst>
          </p:cNvPr>
          <p:cNvGrpSpPr/>
          <p:nvPr/>
        </p:nvGrpSpPr>
        <p:grpSpPr>
          <a:xfrm>
            <a:off x="1749372" y="4123900"/>
            <a:ext cx="768456" cy="627555"/>
            <a:chOff x="3882742" y="4116691"/>
            <a:chExt cx="768456" cy="627555"/>
          </a:xfrm>
        </p:grpSpPr>
        <p:sp>
          <p:nvSpPr>
            <p:cNvPr id="91" name="Free Form 3">
              <a:extLst>
                <a:ext uri="{FF2B5EF4-FFF2-40B4-BE49-F238E27FC236}">
                  <a16:creationId xmlns:a16="http://schemas.microsoft.com/office/drawing/2014/main" id="{A64DD85F-064D-4CFF-DAE6-687C657DFED3}"/>
                </a:ext>
              </a:extLst>
            </p:cNvPr>
            <p:cNvSpPr/>
            <p:nvPr/>
          </p:nvSpPr>
          <p:spPr>
            <a:xfrm>
              <a:off x="3915842" y="4116691"/>
              <a:ext cx="696990" cy="627373"/>
            </a:xfrm>
            <a:custGeom>
              <a:avLst/>
              <a:gdLst/>
              <a:ahLst/>
              <a:cxnLst/>
              <a:rect l="0" t="0" r="0" b="0"/>
              <a:pathLst>
                <a:path w="8818880" h="7854808">
                  <a:moveTo>
                    <a:pt x="8711635" y="3025422"/>
                  </a:moveTo>
                  <a:lnTo>
                    <a:pt x="6856871" y="3025422"/>
                  </a:lnTo>
                  <a:cubicBezTo>
                    <a:pt x="6797040" y="3025422"/>
                    <a:pt x="6749626" y="2976880"/>
                    <a:pt x="6749626" y="2918177"/>
                  </a:cubicBezTo>
                  <a:lnTo>
                    <a:pt x="6749626" y="107244"/>
                  </a:lnTo>
                  <a:cubicBezTo>
                    <a:pt x="6749626" y="47413"/>
                    <a:pt x="6701084" y="0"/>
                    <a:pt x="6642382" y="0"/>
                  </a:cubicBezTo>
                  <a:lnTo>
                    <a:pt x="6635608" y="0"/>
                  </a:lnTo>
                  <a:lnTo>
                    <a:pt x="2184400" y="0"/>
                  </a:lnTo>
                  <a:lnTo>
                    <a:pt x="2177626" y="0"/>
                  </a:lnTo>
                  <a:cubicBezTo>
                    <a:pt x="2117795" y="0"/>
                    <a:pt x="2070382" y="48542"/>
                    <a:pt x="2070382" y="107244"/>
                  </a:cubicBezTo>
                  <a:lnTo>
                    <a:pt x="2070382" y="2918177"/>
                  </a:lnTo>
                  <a:cubicBezTo>
                    <a:pt x="2070382" y="2978008"/>
                    <a:pt x="2021840" y="3025422"/>
                    <a:pt x="1963137" y="3025422"/>
                  </a:cubicBezTo>
                  <a:lnTo>
                    <a:pt x="107244" y="3025422"/>
                  </a:lnTo>
                  <a:cubicBezTo>
                    <a:pt x="47413" y="3025422"/>
                    <a:pt x="0" y="3073964"/>
                    <a:pt x="0" y="3132666"/>
                  </a:cubicBezTo>
                  <a:lnTo>
                    <a:pt x="0" y="7747564"/>
                  </a:lnTo>
                  <a:cubicBezTo>
                    <a:pt x="0" y="7807395"/>
                    <a:pt x="48542" y="7854808"/>
                    <a:pt x="107244" y="7854808"/>
                  </a:cubicBezTo>
                  <a:lnTo>
                    <a:pt x="2184400" y="7854808"/>
                  </a:lnTo>
                  <a:lnTo>
                    <a:pt x="6633351" y="7854808"/>
                  </a:lnTo>
                  <a:lnTo>
                    <a:pt x="8710506" y="7854808"/>
                  </a:lnTo>
                  <a:cubicBezTo>
                    <a:pt x="8770337" y="7854808"/>
                    <a:pt x="8817751" y="7806266"/>
                    <a:pt x="8817751" y="7747564"/>
                  </a:cubicBezTo>
                  <a:lnTo>
                    <a:pt x="8817751" y="3133795"/>
                  </a:lnTo>
                  <a:cubicBezTo>
                    <a:pt x="8818880" y="3073964"/>
                    <a:pt x="8770337" y="3025422"/>
                    <a:pt x="8711635" y="3025422"/>
                  </a:cubicBezTo>
                  <a:close/>
                </a:path>
              </a:pathLst>
            </a:custGeom>
            <a:solidFill>
              <a:srgbClr val="083370">
                <a:alpha val="100000"/>
              </a:srgbClr>
            </a:solidFill>
            <a:ln w="0" cap="flat" cmpd="sng">
              <a:noFill/>
              <a:prstDash val="solid"/>
              <a:miter lim="800000"/>
            </a:ln>
          </p:spPr>
          <p:txBody>
            <a:bodyPr anchor="ctr">
              <a:spAutoFit/>
            </a:bodyPr>
            <a:lstStyle/>
            <a:p>
              <a:pPr algn="ctr"/>
              <a:endParaRPr lang="en-US" dirty="0"/>
            </a:p>
          </p:txBody>
        </p:sp>
        <p:sp>
          <p:nvSpPr>
            <p:cNvPr id="92" name="Free Form 4">
              <a:extLst>
                <a:ext uri="{FF2B5EF4-FFF2-40B4-BE49-F238E27FC236}">
                  <a16:creationId xmlns:a16="http://schemas.microsoft.com/office/drawing/2014/main" id="{DDDF725F-C0C7-2EBC-D9C6-AC5172927533}"/>
                </a:ext>
              </a:extLst>
            </p:cNvPr>
            <p:cNvSpPr/>
            <p:nvPr/>
          </p:nvSpPr>
          <p:spPr>
            <a:xfrm>
              <a:off x="4199564" y="4225973"/>
              <a:ext cx="133831" cy="135249"/>
            </a:xfrm>
            <a:custGeom>
              <a:avLst/>
              <a:gdLst/>
              <a:ahLst/>
              <a:cxnLst/>
              <a:rect l="0" t="0" r="0" b="0"/>
              <a:pathLst>
                <a:path w="1693333" h="1693333">
                  <a:moveTo>
                    <a:pt x="1663982" y="570088"/>
                  </a:moveTo>
                  <a:lnTo>
                    <a:pt x="1152595" y="570088"/>
                  </a:lnTo>
                  <a:cubicBezTo>
                    <a:pt x="1136791" y="570088"/>
                    <a:pt x="1123244" y="556542"/>
                    <a:pt x="1123244" y="540737"/>
                  </a:cubicBezTo>
                  <a:lnTo>
                    <a:pt x="1123244" y="29351"/>
                  </a:lnTo>
                  <a:cubicBezTo>
                    <a:pt x="1123244" y="13546"/>
                    <a:pt x="1109686" y="0"/>
                    <a:pt x="1093893" y="0"/>
                  </a:cubicBezTo>
                  <a:lnTo>
                    <a:pt x="599440" y="0"/>
                  </a:lnTo>
                  <a:cubicBezTo>
                    <a:pt x="583635" y="0"/>
                    <a:pt x="570088" y="13546"/>
                    <a:pt x="570088" y="29351"/>
                  </a:cubicBezTo>
                  <a:lnTo>
                    <a:pt x="570088" y="540737"/>
                  </a:lnTo>
                  <a:cubicBezTo>
                    <a:pt x="570088" y="556542"/>
                    <a:pt x="556542" y="570088"/>
                    <a:pt x="540737" y="570088"/>
                  </a:cubicBezTo>
                  <a:lnTo>
                    <a:pt x="29351" y="570088"/>
                  </a:lnTo>
                  <a:cubicBezTo>
                    <a:pt x="13546" y="570088"/>
                    <a:pt x="0" y="583635"/>
                    <a:pt x="0" y="599440"/>
                  </a:cubicBezTo>
                  <a:lnTo>
                    <a:pt x="0" y="1093893"/>
                  </a:lnTo>
                  <a:cubicBezTo>
                    <a:pt x="0" y="1109697"/>
                    <a:pt x="13546" y="1123244"/>
                    <a:pt x="29351" y="1123244"/>
                  </a:cubicBezTo>
                  <a:lnTo>
                    <a:pt x="540737" y="1123244"/>
                  </a:lnTo>
                  <a:cubicBezTo>
                    <a:pt x="556542" y="1123244"/>
                    <a:pt x="570088" y="1136791"/>
                    <a:pt x="570088" y="1152595"/>
                  </a:cubicBezTo>
                  <a:lnTo>
                    <a:pt x="570088" y="1663982"/>
                  </a:lnTo>
                  <a:cubicBezTo>
                    <a:pt x="570088" y="1679786"/>
                    <a:pt x="583635" y="1693333"/>
                    <a:pt x="599440" y="1693333"/>
                  </a:cubicBezTo>
                  <a:lnTo>
                    <a:pt x="1093893" y="1693333"/>
                  </a:lnTo>
                  <a:cubicBezTo>
                    <a:pt x="1109686" y="1693333"/>
                    <a:pt x="1123244" y="1679786"/>
                    <a:pt x="1123244" y="1663982"/>
                  </a:cubicBezTo>
                  <a:lnTo>
                    <a:pt x="1123244" y="1152595"/>
                  </a:lnTo>
                  <a:cubicBezTo>
                    <a:pt x="1123244" y="1136791"/>
                    <a:pt x="1136791" y="1123244"/>
                    <a:pt x="1152595" y="1123244"/>
                  </a:cubicBezTo>
                  <a:lnTo>
                    <a:pt x="1663982" y="1123244"/>
                  </a:lnTo>
                  <a:cubicBezTo>
                    <a:pt x="1679775" y="1123244"/>
                    <a:pt x="1693333" y="1109697"/>
                    <a:pt x="1693333" y="1093893"/>
                  </a:cubicBezTo>
                  <a:lnTo>
                    <a:pt x="1693333" y="599440"/>
                  </a:lnTo>
                  <a:cubicBezTo>
                    <a:pt x="1693333" y="583635"/>
                    <a:pt x="1679775" y="570088"/>
                    <a:pt x="1663982" y="570088"/>
                  </a:cubicBezTo>
                  <a:close/>
                </a:path>
              </a:pathLst>
            </a:custGeom>
            <a:solidFill>
              <a:srgbClr val="FF8F02">
                <a:alpha val="100000"/>
              </a:srgbClr>
            </a:solidFill>
            <a:ln w="0" cap="flat" cmpd="sng">
              <a:noFill/>
              <a:prstDash val="solid"/>
              <a:miter lim="800000"/>
            </a:ln>
          </p:spPr>
          <p:txBody>
            <a:bodyPr anchor="ctr">
              <a:spAutoFit/>
            </a:bodyPr>
            <a:lstStyle/>
            <a:p>
              <a:pPr algn="ctr"/>
              <a:endParaRPr lang="en-US"/>
            </a:p>
          </p:txBody>
        </p:sp>
        <p:sp>
          <p:nvSpPr>
            <p:cNvPr id="93" name="Free Form 5">
              <a:extLst>
                <a:ext uri="{FF2B5EF4-FFF2-40B4-BE49-F238E27FC236}">
                  <a16:creationId xmlns:a16="http://schemas.microsoft.com/office/drawing/2014/main" id="{400CA739-6B5D-8FA3-29B7-46BA2F6E429A}"/>
                </a:ext>
              </a:extLst>
            </p:cNvPr>
            <p:cNvSpPr/>
            <p:nvPr/>
          </p:nvSpPr>
          <p:spPr>
            <a:xfrm>
              <a:off x="4222672" y="4563824"/>
              <a:ext cx="87525" cy="179610"/>
            </a:xfrm>
            <a:custGeom>
              <a:avLst/>
              <a:gdLst/>
              <a:ahLst/>
              <a:cxnLst/>
              <a:rect l="0" t="0" r="0" b="0"/>
              <a:pathLst>
                <a:path w="1107440" h="2248746">
                  <a:moveTo>
                    <a:pt x="1070186" y="2248746"/>
                  </a:moveTo>
                  <a:lnTo>
                    <a:pt x="36124" y="2248746"/>
                  </a:lnTo>
                  <a:cubicBezTo>
                    <a:pt x="15804" y="2248746"/>
                    <a:pt x="0" y="2231813"/>
                    <a:pt x="0" y="2212622"/>
                  </a:cubicBezTo>
                  <a:lnTo>
                    <a:pt x="0" y="36124"/>
                  </a:lnTo>
                  <a:cubicBezTo>
                    <a:pt x="0" y="15804"/>
                    <a:pt x="16933" y="0"/>
                    <a:pt x="36124" y="0"/>
                  </a:cubicBezTo>
                  <a:lnTo>
                    <a:pt x="1070186" y="0"/>
                  </a:lnTo>
                  <a:cubicBezTo>
                    <a:pt x="1090506" y="0"/>
                    <a:pt x="1106311" y="16933"/>
                    <a:pt x="1106311" y="36124"/>
                  </a:cubicBezTo>
                  <a:lnTo>
                    <a:pt x="1106311" y="2211493"/>
                  </a:lnTo>
                  <a:cubicBezTo>
                    <a:pt x="1107440" y="2231813"/>
                    <a:pt x="1090506" y="2248746"/>
                    <a:pt x="1070186" y="2248746"/>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94" name="Free Form 6">
              <a:extLst>
                <a:ext uri="{FF2B5EF4-FFF2-40B4-BE49-F238E27FC236}">
                  <a16:creationId xmlns:a16="http://schemas.microsoft.com/office/drawing/2014/main" id="{207094EB-D18D-4C0B-DFB3-11CCDA80877A}"/>
                </a:ext>
              </a:extLst>
            </p:cNvPr>
            <p:cNvSpPr/>
            <p:nvPr/>
          </p:nvSpPr>
          <p:spPr>
            <a:xfrm>
              <a:off x="4497917" y="4476092"/>
              <a:ext cx="53978" cy="44272"/>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95" name="Free Form 7">
              <a:extLst>
                <a:ext uri="{FF2B5EF4-FFF2-40B4-BE49-F238E27FC236}">
                  <a16:creationId xmlns:a16="http://schemas.microsoft.com/office/drawing/2014/main" id="{9C1E2D6B-32D7-147B-D6F8-97BFC4A1E030}"/>
                </a:ext>
              </a:extLst>
            </p:cNvPr>
            <p:cNvSpPr/>
            <p:nvPr/>
          </p:nvSpPr>
          <p:spPr>
            <a:xfrm>
              <a:off x="4497917" y="4540471"/>
              <a:ext cx="53978" cy="44271"/>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96" name="Free Form 8">
              <a:extLst>
                <a:ext uri="{FF2B5EF4-FFF2-40B4-BE49-F238E27FC236}">
                  <a16:creationId xmlns:a16="http://schemas.microsoft.com/office/drawing/2014/main" id="{00F517B4-CB1E-77A9-ED4E-A5AD0955EB04}"/>
                </a:ext>
              </a:extLst>
            </p:cNvPr>
            <p:cNvSpPr/>
            <p:nvPr/>
          </p:nvSpPr>
          <p:spPr>
            <a:xfrm>
              <a:off x="4422882" y="4476092"/>
              <a:ext cx="53978" cy="44272"/>
            </a:xfrm>
            <a:custGeom>
              <a:avLst/>
              <a:gdLst/>
              <a:ahLst/>
              <a:cxnLst/>
              <a:rect l="0" t="0" r="0" b="0"/>
              <a:pathLst>
                <a:path w="682977" h="554295">
                  <a:moveTo>
                    <a:pt x="646864" y="554295"/>
                  </a:moveTo>
                  <a:lnTo>
                    <a:pt x="36124" y="554295"/>
                  </a:lnTo>
                  <a:cubicBezTo>
                    <a:pt x="16933" y="554295"/>
                    <a:pt x="0" y="538491"/>
                    <a:pt x="0" y="518171"/>
                  </a:cubicBezTo>
                  <a:lnTo>
                    <a:pt x="0" y="36135"/>
                  </a:lnTo>
                  <a:cubicBezTo>
                    <a:pt x="0" y="16933"/>
                    <a:pt x="15815" y="0"/>
                    <a:pt x="36124" y="0"/>
                  </a:cubicBezTo>
                  <a:lnTo>
                    <a:pt x="646864" y="0"/>
                  </a:lnTo>
                  <a:cubicBezTo>
                    <a:pt x="666044" y="0"/>
                    <a:pt x="682977" y="15815"/>
                    <a:pt x="682977" y="36135"/>
                  </a:cubicBezTo>
                  <a:lnTo>
                    <a:pt x="682977" y="518171"/>
                  </a:lnTo>
                  <a:cubicBezTo>
                    <a:pt x="682977" y="538491"/>
                    <a:pt x="667184" y="554295"/>
                    <a:pt x="646864"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97" name="Free Form 9">
              <a:extLst>
                <a:ext uri="{FF2B5EF4-FFF2-40B4-BE49-F238E27FC236}">
                  <a16:creationId xmlns:a16="http://schemas.microsoft.com/office/drawing/2014/main" id="{22E937EB-7613-074E-3C5E-8C837832A2DC}"/>
                </a:ext>
              </a:extLst>
            </p:cNvPr>
            <p:cNvSpPr/>
            <p:nvPr/>
          </p:nvSpPr>
          <p:spPr>
            <a:xfrm>
              <a:off x="4422882" y="4540471"/>
              <a:ext cx="53978" cy="44271"/>
            </a:xfrm>
            <a:custGeom>
              <a:avLst/>
              <a:gdLst/>
              <a:ahLst/>
              <a:cxnLst/>
              <a:rect l="0" t="0" r="0" b="0"/>
              <a:pathLst>
                <a:path w="682977" h="554284">
                  <a:moveTo>
                    <a:pt x="646864" y="554284"/>
                  </a:moveTo>
                  <a:lnTo>
                    <a:pt x="36124" y="554284"/>
                  </a:lnTo>
                  <a:cubicBezTo>
                    <a:pt x="16933" y="554284"/>
                    <a:pt x="0" y="538491"/>
                    <a:pt x="0" y="518160"/>
                  </a:cubicBezTo>
                  <a:lnTo>
                    <a:pt x="0" y="36135"/>
                  </a:lnTo>
                  <a:cubicBezTo>
                    <a:pt x="0" y="16933"/>
                    <a:pt x="15815" y="0"/>
                    <a:pt x="36124" y="0"/>
                  </a:cubicBezTo>
                  <a:lnTo>
                    <a:pt x="646864" y="0"/>
                  </a:lnTo>
                  <a:cubicBezTo>
                    <a:pt x="666044" y="0"/>
                    <a:pt x="682977" y="15804"/>
                    <a:pt x="682977" y="36135"/>
                  </a:cubicBezTo>
                  <a:lnTo>
                    <a:pt x="682977" y="519288"/>
                  </a:lnTo>
                  <a:cubicBezTo>
                    <a:pt x="682977" y="538491"/>
                    <a:pt x="667184" y="554284"/>
                    <a:pt x="646864"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98" name="Free Form 10">
              <a:extLst>
                <a:ext uri="{FF2B5EF4-FFF2-40B4-BE49-F238E27FC236}">
                  <a16:creationId xmlns:a16="http://schemas.microsoft.com/office/drawing/2014/main" id="{59D4D0BA-55FF-4F17-AB69-7CBD446808E3}"/>
                </a:ext>
              </a:extLst>
            </p:cNvPr>
            <p:cNvSpPr/>
            <p:nvPr/>
          </p:nvSpPr>
          <p:spPr>
            <a:xfrm>
              <a:off x="4048246" y="4476092"/>
              <a:ext cx="53978" cy="44272"/>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99" name="Free Form 11">
              <a:extLst>
                <a:ext uri="{FF2B5EF4-FFF2-40B4-BE49-F238E27FC236}">
                  <a16:creationId xmlns:a16="http://schemas.microsoft.com/office/drawing/2014/main" id="{09D96DAB-DEF0-4765-A94A-2509FE58B276}"/>
                </a:ext>
              </a:extLst>
            </p:cNvPr>
            <p:cNvSpPr/>
            <p:nvPr/>
          </p:nvSpPr>
          <p:spPr>
            <a:xfrm>
              <a:off x="4048246" y="4540471"/>
              <a:ext cx="53978" cy="44271"/>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00" name="Free Form 12">
              <a:extLst>
                <a:ext uri="{FF2B5EF4-FFF2-40B4-BE49-F238E27FC236}">
                  <a16:creationId xmlns:a16="http://schemas.microsoft.com/office/drawing/2014/main" id="{5AD4E8A1-379D-DD0F-F751-2E83BC7B7381}"/>
                </a:ext>
              </a:extLst>
            </p:cNvPr>
            <p:cNvSpPr/>
            <p:nvPr/>
          </p:nvSpPr>
          <p:spPr>
            <a:xfrm>
              <a:off x="3973212" y="4476092"/>
              <a:ext cx="53978" cy="44272"/>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2977" y="538491"/>
                    <a:pt x="667173"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01" name="Free Form 13">
              <a:extLst>
                <a:ext uri="{FF2B5EF4-FFF2-40B4-BE49-F238E27FC236}">
                  <a16:creationId xmlns:a16="http://schemas.microsoft.com/office/drawing/2014/main" id="{854F2272-09E3-357E-31CA-36EB992E8F28}"/>
                </a:ext>
              </a:extLst>
            </p:cNvPr>
            <p:cNvSpPr/>
            <p:nvPr/>
          </p:nvSpPr>
          <p:spPr>
            <a:xfrm>
              <a:off x="3973212" y="4540471"/>
              <a:ext cx="53978" cy="44271"/>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2977" y="538491"/>
                    <a:pt x="667173"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02" name="Free Form 14">
              <a:extLst>
                <a:ext uri="{FF2B5EF4-FFF2-40B4-BE49-F238E27FC236}">
                  <a16:creationId xmlns:a16="http://schemas.microsoft.com/office/drawing/2014/main" id="{F64E084B-BD57-8E62-BB91-5EF08037DDD3}"/>
                </a:ext>
              </a:extLst>
            </p:cNvPr>
            <p:cNvSpPr/>
            <p:nvPr/>
          </p:nvSpPr>
          <p:spPr>
            <a:xfrm>
              <a:off x="3882742" y="4709983"/>
              <a:ext cx="768456" cy="34263"/>
            </a:xfrm>
            <a:custGeom>
              <a:avLst/>
              <a:gdLst/>
              <a:ahLst/>
              <a:cxnLst/>
              <a:rect l="0" t="0" r="0" b="0"/>
              <a:pathLst>
                <a:path w="9723120" h="428977">
                  <a:moveTo>
                    <a:pt x="9675706" y="428977"/>
                  </a:moveTo>
                  <a:lnTo>
                    <a:pt x="25964" y="428977"/>
                  </a:lnTo>
                  <a:cubicBezTo>
                    <a:pt x="0" y="428977"/>
                    <a:pt x="25964" y="407528"/>
                    <a:pt x="25964" y="381564"/>
                  </a:cubicBezTo>
                  <a:lnTo>
                    <a:pt x="25964" y="47413"/>
                  </a:lnTo>
                  <a:cubicBezTo>
                    <a:pt x="25964" y="21437"/>
                    <a:pt x="0" y="0"/>
                    <a:pt x="25964" y="0"/>
                  </a:cubicBezTo>
                  <a:lnTo>
                    <a:pt x="9675706" y="0"/>
                  </a:lnTo>
                  <a:cubicBezTo>
                    <a:pt x="9701671" y="0"/>
                    <a:pt x="9723120" y="21437"/>
                    <a:pt x="9723120" y="47413"/>
                  </a:cubicBezTo>
                  <a:lnTo>
                    <a:pt x="9723120" y="381564"/>
                  </a:lnTo>
                  <a:cubicBezTo>
                    <a:pt x="9723120" y="407528"/>
                    <a:pt x="9701671" y="428977"/>
                    <a:pt x="9675706" y="428977"/>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grpSp>
      <p:grpSp>
        <p:nvGrpSpPr>
          <p:cNvPr id="103" name="Group 102">
            <a:extLst>
              <a:ext uri="{FF2B5EF4-FFF2-40B4-BE49-F238E27FC236}">
                <a16:creationId xmlns:a16="http://schemas.microsoft.com/office/drawing/2014/main" id="{9D7387A0-ABFB-237C-4BDB-BBFEF8E87026}"/>
              </a:ext>
            </a:extLst>
          </p:cNvPr>
          <p:cNvGrpSpPr/>
          <p:nvPr/>
        </p:nvGrpSpPr>
        <p:grpSpPr>
          <a:xfrm>
            <a:off x="8099365" y="4123808"/>
            <a:ext cx="768456" cy="627555"/>
            <a:chOff x="3882742" y="4116691"/>
            <a:chExt cx="768456" cy="627555"/>
          </a:xfrm>
        </p:grpSpPr>
        <p:sp>
          <p:nvSpPr>
            <p:cNvPr id="104" name="Free Form 3">
              <a:extLst>
                <a:ext uri="{FF2B5EF4-FFF2-40B4-BE49-F238E27FC236}">
                  <a16:creationId xmlns:a16="http://schemas.microsoft.com/office/drawing/2014/main" id="{B9EFC495-DE63-E636-54BD-1F14B0056F2F}"/>
                </a:ext>
              </a:extLst>
            </p:cNvPr>
            <p:cNvSpPr/>
            <p:nvPr/>
          </p:nvSpPr>
          <p:spPr>
            <a:xfrm>
              <a:off x="3915842" y="4116691"/>
              <a:ext cx="696990" cy="627373"/>
            </a:xfrm>
            <a:custGeom>
              <a:avLst/>
              <a:gdLst/>
              <a:ahLst/>
              <a:cxnLst/>
              <a:rect l="0" t="0" r="0" b="0"/>
              <a:pathLst>
                <a:path w="8818880" h="7854808">
                  <a:moveTo>
                    <a:pt x="8711635" y="3025422"/>
                  </a:moveTo>
                  <a:lnTo>
                    <a:pt x="6856871" y="3025422"/>
                  </a:lnTo>
                  <a:cubicBezTo>
                    <a:pt x="6797040" y="3025422"/>
                    <a:pt x="6749626" y="2976880"/>
                    <a:pt x="6749626" y="2918177"/>
                  </a:cubicBezTo>
                  <a:lnTo>
                    <a:pt x="6749626" y="107244"/>
                  </a:lnTo>
                  <a:cubicBezTo>
                    <a:pt x="6749626" y="47413"/>
                    <a:pt x="6701084" y="0"/>
                    <a:pt x="6642382" y="0"/>
                  </a:cubicBezTo>
                  <a:lnTo>
                    <a:pt x="6635608" y="0"/>
                  </a:lnTo>
                  <a:lnTo>
                    <a:pt x="2184400" y="0"/>
                  </a:lnTo>
                  <a:lnTo>
                    <a:pt x="2177626" y="0"/>
                  </a:lnTo>
                  <a:cubicBezTo>
                    <a:pt x="2117795" y="0"/>
                    <a:pt x="2070382" y="48542"/>
                    <a:pt x="2070382" y="107244"/>
                  </a:cubicBezTo>
                  <a:lnTo>
                    <a:pt x="2070382" y="2918177"/>
                  </a:lnTo>
                  <a:cubicBezTo>
                    <a:pt x="2070382" y="2978008"/>
                    <a:pt x="2021840" y="3025422"/>
                    <a:pt x="1963137" y="3025422"/>
                  </a:cubicBezTo>
                  <a:lnTo>
                    <a:pt x="107244" y="3025422"/>
                  </a:lnTo>
                  <a:cubicBezTo>
                    <a:pt x="47413" y="3025422"/>
                    <a:pt x="0" y="3073964"/>
                    <a:pt x="0" y="3132666"/>
                  </a:cubicBezTo>
                  <a:lnTo>
                    <a:pt x="0" y="7747564"/>
                  </a:lnTo>
                  <a:cubicBezTo>
                    <a:pt x="0" y="7807395"/>
                    <a:pt x="48542" y="7854808"/>
                    <a:pt x="107244" y="7854808"/>
                  </a:cubicBezTo>
                  <a:lnTo>
                    <a:pt x="2184400" y="7854808"/>
                  </a:lnTo>
                  <a:lnTo>
                    <a:pt x="6633351" y="7854808"/>
                  </a:lnTo>
                  <a:lnTo>
                    <a:pt x="8710506" y="7854808"/>
                  </a:lnTo>
                  <a:cubicBezTo>
                    <a:pt x="8770337" y="7854808"/>
                    <a:pt x="8817751" y="7806266"/>
                    <a:pt x="8817751" y="7747564"/>
                  </a:cubicBezTo>
                  <a:lnTo>
                    <a:pt x="8817751" y="3133795"/>
                  </a:lnTo>
                  <a:cubicBezTo>
                    <a:pt x="8818880" y="3073964"/>
                    <a:pt x="8770337" y="3025422"/>
                    <a:pt x="8711635" y="3025422"/>
                  </a:cubicBezTo>
                  <a:close/>
                </a:path>
              </a:pathLst>
            </a:custGeom>
            <a:solidFill>
              <a:srgbClr val="083370">
                <a:alpha val="100000"/>
              </a:srgbClr>
            </a:solidFill>
            <a:ln w="0" cap="flat" cmpd="sng">
              <a:noFill/>
              <a:prstDash val="solid"/>
              <a:miter lim="800000"/>
            </a:ln>
          </p:spPr>
          <p:txBody>
            <a:bodyPr anchor="ctr">
              <a:spAutoFit/>
            </a:bodyPr>
            <a:lstStyle/>
            <a:p>
              <a:pPr algn="ctr"/>
              <a:endParaRPr lang="en-US" dirty="0"/>
            </a:p>
          </p:txBody>
        </p:sp>
        <p:sp>
          <p:nvSpPr>
            <p:cNvPr id="105" name="Free Form 4">
              <a:extLst>
                <a:ext uri="{FF2B5EF4-FFF2-40B4-BE49-F238E27FC236}">
                  <a16:creationId xmlns:a16="http://schemas.microsoft.com/office/drawing/2014/main" id="{AABCFCD2-C901-215C-A842-495B9C1B27B2}"/>
                </a:ext>
              </a:extLst>
            </p:cNvPr>
            <p:cNvSpPr/>
            <p:nvPr/>
          </p:nvSpPr>
          <p:spPr>
            <a:xfrm>
              <a:off x="4199564" y="4225973"/>
              <a:ext cx="133831" cy="135249"/>
            </a:xfrm>
            <a:custGeom>
              <a:avLst/>
              <a:gdLst/>
              <a:ahLst/>
              <a:cxnLst/>
              <a:rect l="0" t="0" r="0" b="0"/>
              <a:pathLst>
                <a:path w="1693333" h="1693333">
                  <a:moveTo>
                    <a:pt x="1663982" y="570088"/>
                  </a:moveTo>
                  <a:lnTo>
                    <a:pt x="1152595" y="570088"/>
                  </a:lnTo>
                  <a:cubicBezTo>
                    <a:pt x="1136791" y="570088"/>
                    <a:pt x="1123244" y="556542"/>
                    <a:pt x="1123244" y="540737"/>
                  </a:cubicBezTo>
                  <a:lnTo>
                    <a:pt x="1123244" y="29351"/>
                  </a:lnTo>
                  <a:cubicBezTo>
                    <a:pt x="1123244" y="13546"/>
                    <a:pt x="1109686" y="0"/>
                    <a:pt x="1093893" y="0"/>
                  </a:cubicBezTo>
                  <a:lnTo>
                    <a:pt x="599440" y="0"/>
                  </a:lnTo>
                  <a:cubicBezTo>
                    <a:pt x="583635" y="0"/>
                    <a:pt x="570088" y="13546"/>
                    <a:pt x="570088" y="29351"/>
                  </a:cubicBezTo>
                  <a:lnTo>
                    <a:pt x="570088" y="540737"/>
                  </a:lnTo>
                  <a:cubicBezTo>
                    <a:pt x="570088" y="556542"/>
                    <a:pt x="556542" y="570088"/>
                    <a:pt x="540737" y="570088"/>
                  </a:cubicBezTo>
                  <a:lnTo>
                    <a:pt x="29351" y="570088"/>
                  </a:lnTo>
                  <a:cubicBezTo>
                    <a:pt x="13546" y="570088"/>
                    <a:pt x="0" y="583635"/>
                    <a:pt x="0" y="599440"/>
                  </a:cubicBezTo>
                  <a:lnTo>
                    <a:pt x="0" y="1093893"/>
                  </a:lnTo>
                  <a:cubicBezTo>
                    <a:pt x="0" y="1109697"/>
                    <a:pt x="13546" y="1123244"/>
                    <a:pt x="29351" y="1123244"/>
                  </a:cubicBezTo>
                  <a:lnTo>
                    <a:pt x="540737" y="1123244"/>
                  </a:lnTo>
                  <a:cubicBezTo>
                    <a:pt x="556542" y="1123244"/>
                    <a:pt x="570088" y="1136791"/>
                    <a:pt x="570088" y="1152595"/>
                  </a:cubicBezTo>
                  <a:lnTo>
                    <a:pt x="570088" y="1663982"/>
                  </a:lnTo>
                  <a:cubicBezTo>
                    <a:pt x="570088" y="1679786"/>
                    <a:pt x="583635" y="1693333"/>
                    <a:pt x="599440" y="1693333"/>
                  </a:cubicBezTo>
                  <a:lnTo>
                    <a:pt x="1093893" y="1693333"/>
                  </a:lnTo>
                  <a:cubicBezTo>
                    <a:pt x="1109686" y="1693333"/>
                    <a:pt x="1123244" y="1679786"/>
                    <a:pt x="1123244" y="1663982"/>
                  </a:cubicBezTo>
                  <a:lnTo>
                    <a:pt x="1123244" y="1152595"/>
                  </a:lnTo>
                  <a:cubicBezTo>
                    <a:pt x="1123244" y="1136791"/>
                    <a:pt x="1136791" y="1123244"/>
                    <a:pt x="1152595" y="1123244"/>
                  </a:cubicBezTo>
                  <a:lnTo>
                    <a:pt x="1663982" y="1123244"/>
                  </a:lnTo>
                  <a:cubicBezTo>
                    <a:pt x="1679775" y="1123244"/>
                    <a:pt x="1693333" y="1109697"/>
                    <a:pt x="1693333" y="1093893"/>
                  </a:cubicBezTo>
                  <a:lnTo>
                    <a:pt x="1693333" y="599440"/>
                  </a:lnTo>
                  <a:cubicBezTo>
                    <a:pt x="1693333" y="583635"/>
                    <a:pt x="1679775" y="570088"/>
                    <a:pt x="1663982" y="570088"/>
                  </a:cubicBezTo>
                  <a:close/>
                </a:path>
              </a:pathLst>
            </a:custGeom>
            <a:solidFill>
              <a:srgbClr val="FF8F02">
                <a:alpha val="100000"/>
              </a:srgbClr>
            </a:solidFill>
            <a:ln w="0" cap="flat" cmpd="sng">
              <a:noFill/>
              <a:prstDash val="solid"/>
              <a:miter lim="800000"/>
            </a:ln>
          </p:spPr>
          <p:txBody>
            <a:bodyPr anchor="ctr">
              <a:spAutoFit/>
            </a:bodyPr>
            <a:lstStyle/>
            <a:p>
              <a:pPr algn="ctr"/>
              <a:endParaRPr lang="en-US"/>
            </a:p>
          </p:txBody>
        </p:sp>
        <p:sp>
          <p:nvSpPr>
            <p:cNvPr id="106" name="Free Form 5">
              <a:extLst>
                <a:ext uri="{FF2B5EF4-FFF2-40B4-BE49-F238E27FC236}">
                  <a16:creationId xmlns:a16="http://schemas.microsoft.com/office/drawing/2014/main" id="{E68DF63D-F00A-FCBE-AF2D-1DCB69FEDAA4}"/>
                </a:ext>
              </a:extLst>
            </p:cNvPr>
            <p:cNvSpPr/>
            <p:nvPr/>
          </p:nvSpPr>
          <p:spPr>
            <a:xfrm>
              <a:off x="4222672" y="4563824"/>
              <a:ext cx="87525" cy="179610"/>
            </a:xfrm>
            <a:custGeom>
              <a:avLst/>
              <a:gdLst/>
              <a:ahLst/>
              <a:cxnLst/>
              <a:rect l="0" t="0" r="0" b="0"/>
              <a:pathLst>
                <a:path w="1107440" h="2248746">
                  <a:moveTo>
                    <a:pt x="1070186" y="2248746"/>
                  </a:moveTo>
                  <a:lnTo>
                    <a:pt x="36124" y="2248746"/>
                  </a:lnTo>
                  <a:cubicBezTo>
                    <a:pt x="15804" y="2248746"/>
                    <a:pt x="0" y="2231813"/>
                    <a:pt x="0" y="2212622"/>
                  </a:cubicBezTo>
                  <a:lnTo>
                    <a:pt x="0" y="36124"/>
                  </a:lnTo>
                  <a:cubicBezTo>
                    <a:pt x="0" y="15804"/>
                    <a:pt x="16933" y="0"/>
                    <a:pt x="36124" y="0"/>
                  </a:cubicBezTo>
                  <a:lnTo>
                    <a:pt x="1070186" y="0"/>
                  </a:lnTo>
                  <a:cubicBezTo>
                    <a:pt x="1090506" y="0"/>
                    <a:pt x="1106311" y="16933"/>
                    <a:pt x="1106311" y="36124"/>
                  </a:cubicBezTo>
                  <a:lnTo>
                    <a:pt x="1106311" y="2211493"/>
                  </a:lnTo>
                  <a:cubicBezTo>
                    <a:pt x="1107440" y="2231813"/>
                    <a:pt x="1090506" y="2248746"/>
                    <a:pt x="1070186" y="2248746"/>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07" name="Free Form 6">
              <a:extLst>
                <a:ext uri="{FF2B5EF4-FFF2-40B4-BE49-F238E27FC236}">
                  <a16:creationId xmlns:a16="http://schemas.microsoft.com/office/drawing/2014/main" id="{BB96182C-D12C-8619-30BF-40B284E2D75B}"/>
                </a:ext>
              </a:extLst>
            </p:cNvPr>
            <p:cNvSpPr/>
            <p:nvPr/>
          </p:nvSpPr>
          <p:spPr>
            <a:xfrm>
              <a:off x="4497917" y="4476092"/>
              <a:ext cx="53978" cy="44272"/>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08" name="Free Form 7">
              <a:extLst>
                <a:ext uri="{FF2B5EF4-FFF2-40B4-BE49-F238E27FC236}">
                  <a16:creationId xmlns:a16="http://schemas.microsoft.com/office/drawing/2014/main" id="{B35DDC2C-C418-E7F9-3A38-0DEB7A332D9C}"/>
                </a:ext>
              </a:extLst>
            </p:cNvPr>
            <p:cNvSpPr/>
            <p:nvPr/>
          </p:nvSpPr>
          <p:spPr>
            <a:xfrm>
              <a:off x="4497917" y="4540471"/>
              <a:ext cx="53978" cy="44271"/>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09" name="Free Form 8">
              <a:extLst>
                <a:ext uri="{FF2B5EF4-FFF2-40B4-BE49-F238E27FC236}">
                  <a16:creationId xmlns:a16="http://schemas.microsoft.com/office/drawing/2014/main" id="{862B9B82-1134-EC14-1374-0A5E21AE8AFA}"/>
                </a:ext>
              </a:extLst>
            </p:cNvPr>
            <p:cNvSpPr/>
            <p:nvPr/>
          </p:nvSpPr>
          <p:spPr>
            <a:xfrm>
              <a:off x="4422882" y="4476092"/>
              <a:ext cx="53978" cy="44272"/>
            </a:xfrm>
            <a:custGeom>
              <a:avLst/>
              <a:gdLst/>
              <a:ahLst/>
              <a:cxnLst/>
              <a:rect l="0" t="0" r="0" b="0"/>
              <a:pathLst>
                <a:path w="682977" h="554295">
                  <a:moveTo>
                    <a:pt x="646864" y="554295"/>
                  </a:moveTo>
                  <a:lnTo>
                    <a:pt x="36124" y="554295"/>
                  </a:lnTo>
                  <a:cubicBezTo>
                    <a:pt x="16933" y="554295"/>
                    <a:pt x="0" y="538491"/>
                    <a:pt x="0" y="518171"/>
                  </a:cubicBezTo>
                  <a:lnTo>
                    <a:pt x="0" y="36135"/>
                  </a:lnTo>
                  <a:cubicBezTo>
                    <a:pt x="0" y="16933"/>
                    <a:pt x="15815" y="0"/>
                    <a:pt x="36124" y="0"/>
                  </a:cubicBezTo>
                  <a:lnTo>
                    <a:pt x="646864" y="0"/>
                  </a:lnTo>
                  <a:cubicBezTo>
                    <a:pt x="666044" y="0"/>
                    <a:pt x="682977" y="15815"/>
                    <a:pt x="682977" y="36135"/>
                  </a:cubicBezTo>
                  <a:lnTo>
                    <a:pt x="682977" y="518171"/>
                  </a:lnTo>
                  <a:cubicBezTo>
                    <a:pt x="682977" y="538491"/>
                    <a:pt x="667184" y="554295"/>
                    <a:pt x="646864"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10" name="Free Form 9">
              <a:extLst>
                <a:ext uri="{FF2B5EF4-FFF2-40B4-BE49-F238E27FC236}">
                  <a16:creationId xmlns:a16="http://schemas.microsoft.com/office/drawing/2014/main" id="{C283F27F-5153-BD6F-F9AA-B6FDB7D56D30}"/>
                </a:ext>
              </a:extLst>
            </p:cNvPr>
            <p:cNvSpPr/>
            <p:nvPr/>
          </p:nvSpPr>
          <p:spPr>
            <a:xfrm>
              <a:off x="4422882" y="4540471"/>
              <a:ext cx="53978" cy="44271"/>
            </a:xfrm>
            <a:custGeom>
              <a:avLst/>
              <a:gdLst/>
              <a:ahLst/>
              <a:cxnLst/>
              <a:rect l="0" t="0" r="0" b="0"/>
              <a:pathLst>
                <a:path w="682977" h="554284">
                  <a:moveTo>
                    <a:pt x="646864" y="554284"/>
                  </a:moveTo>
                  <a:lnTo>
                    <a:pt x="36124" y="554284"/>
                  </a:lnTo>
                  <a:cubicBezTo>
                    <a:pt x="16933" y="554284"/>
                    <a:pt x="0" y="538491"/>
                    <a:pt x="0" y="518160"/>
                  </a:cubicBezTo>
                  <a:lnTo>
                    <a:pt x="0" y="36135"/>
                  </a:lnTo>
                  <a:cubicBezTo>
                    <a:pt x="0" y="16933"/>
                    <a:pt x="15815" y="0"/>
                    <a:pt x="36124" y="0"/>
                  </a:cubicBezTo>
                  <a:lnTo>
                    <a:pt x="646864" y="0"/>
                  </a:lnTo>
                  <a:cubicBezTo>
                    <a:pt x="666044" y="0"/>
                    <a:pt x="682977" y="15804"/>
                    <a:pt x="682977" y="36135"/>
                  </a:cubicBezTo>
                  <a:lnTo>
                    <a:pt x="682977" y="519288"/>
                  </a:lnTo>
                  <a:cubicBezTo>
                    <a:pt x="682977" y="538491"/>
                    <a:pt x="667184" y="554284"/>
                    <a:pt x="646864"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11" name="Free Form 10">
              <a:extLst>
                <a:ext uri="{FF2B5EF4-FFF2-40B4-BE49-F238E27FC236}">
                  <a16:creationId xmlns:a16="http://schemas.microsoft.com/office/drawing/2014/main" id="{F089BDFE-3BCF-C12F-6C16-429D5486E4E9}"/>
                </a:ext>
              </a:extLst>
            </p:cNvPr>
            <p:cNvSpPr/>
            <p:nvPr/>
          </p:nvSpPr>
          <p:spPr>
            <a:xfrm>
              <a:off x="4048246" y="4476092"/>
              <a:ext cx="53978" cy="44272"/>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12" name="Free Form 11">
              <a:extLst>
                <a:ext uri="{FF2B5EF4-FFF2-40B4-BE49-F238E27FC236}">
                  <a16:creationId xmlns:a16="http://schemas.microsoft.com/office/drawing/2014/main" id="{F92FD36C-2434-443C-DDFE-3EA87C0805D4}"/>
                </a:ext>
              </a:extLst>
            </p:cNvPr>
            <p:cNvSpPr/>
            <p:nvPr/>
          </p:nvSpPr>
          <p:spPr>
            <a:xfrm>
              <a:off x="4048246" y="4540471"/>
              <a:ext cx="53978" cy="44271"/>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13" name="Free Form 12">
              <a:extLst>
                <a:ext uri="{FF2B5EF4-FFF2-40B4-BE49-F238E27FC236}">
                  <a16:creationId xmlns:a16="http://schemas.microsoft.com/office/drawing/2014/main" id="{5B0C8C36-2F25-DE0D-8E73-C5573D3FB1FF}"/>
                </a:ext>
              </a:extLst>
            </p:cNvPr>
            <p:cNvSpPr/>
            <p:nvPr/>
          </p:nvSpPr>
          <p:spPr>
            <a:xfrm>
              <a:off x="3973212" y="4476092"/>
              <a:ext cx="53978" cy="44272"/>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2977" y="538491"/>
                    <a:pt x="667173"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14" name="Free Form 13">
              <a:extLst>
                <a:ext uri="{FF2B5EF4-FFF2-40B4-BE49-F238E27FC236}">
                  <a16:creationId xmlns:a16="http://schemas.microsoft.com/office/drawing/2014/main" id="{3AFBBF71-7EFE-3083-8CE7-52096455112A}"/>
                </a:ext>
              </a:extLst>
            </p:cNvPr>
            <p:cNvSpPr/>
            <p:nvPr/>
          </p:nvSpPr>
          <p:spPr>
            <a:xfrm>
              <a:off x="3973212" y="4540471"/>
              <a:ext cx="53978" cy="44271"/>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2977" y="538491"/>
                    <a:pt x="667173"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15" name="Free Form 14">
              <a:extLst>
                <a:ext uri="{FF2B5EF4-FFF2-40B4-BE49-F238E27FC236}">
                  <a16:creationId xmlns:a16="http://schemas.microsoft.com/office/drawing/2014/main" id="{5D5CF46B-9191-9C8C-E4AB-0148A5ECE960}"/>
                </a:ext>
              </a:extLst>
            </p:cNvPr>
            <p:cNvSpPr/>
            <p:nvPr/>
          </p:nvSpPr>
          <p:spPr>
            <a:xfrm>
              <a:off x="3882742" y="4709983"/>
              <a:ext cx="768456" cy="34263"/>
            </a:xfrm>
            <a:custGeom>
              <a:avLst/>
              <a:gdLst/>
              <a:ahLst/>
              <a:cxnLst/>
              <a:rect l="0" t="0" r="0" b="0"/>
              <a:pathLst>
                <a:path w="9723120" h="428977">
                  <a:moveTo>
                    <a:pt x="9675706" y="428977"/>
                  </a:moveTo>
                  <a:lnTo>
                    <a:pt x="25964" y="428977"/>
                  </a:lnTo>
                  <a:cubicBezTo>
                    <a:pt x="0" y="428977"/>
                    <a:pt x="25964" y="407528"/>
                    <a:pt x="25964" y="381564"/>
                  </a:cubicBezTo>
                  <a:lnTo>
                    <a:pt x="25964" y="47413"/>
                  </a:lnTo>
                  <a:cubicBezTo>
                    <a:pt x="25964" y="21437"/>
                    <a:pt x="0" y="0"/>
                    <a:pt x="25964" y="0"/>
                  </a:cubicBezTo>
                  <a:lnTo>
                    <a:pt x="9675706" y="0"/>
                  </a:lnTo>
                  <a:cubicBezTo>
                    <a:pt x="9701671" y="0"/>
                    <a:pt x="9723120" y="21437"/>
                    <a:pt x="9723120" y="47413"/>
                  </a:cubicBezTo>
                  <a:lnTo>
                    <a:pt x="9723120" y="381564"/>
                  </a:lnTo>
                  <a:cubicBezTo>
                    <a:pt x="9723120" y="407528"/>
                    <a:pt x="9701671" y="428977"/>
                    <a:pt x="9675706" y="428977"/>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grpSp>
      <p:sp>
        <p:nvSpPr>
          <p:cNvPr id="116" name="TextBox 115">
            <a:extLst>
              <a:ext uri="{FF2B5EF4-FFF2-40B4-BE49-F238E27FC236}">
                <a16:creationId xmlns:a16="http://schemas.microsoft.com/office/drawing/2014/main" id="{09B8AFD0-309C-96CF-2E80-28480FC22F08}"/>
              </a:ext>
            </a:extLst>
          </p:cNvPr>
          <p:cNvSpPr txBox="1"/>
          <p:nvPr/>
        </p:nvSpPr>
        <p:spPr>
          <a:xfrm>
            <a:off x="1553922" y="4826314"/>
            <a:ext cx="1175322" cy="923330"/>
          </a:xfrm>
          <a:prstGeom prst="rect">
            <a:avLst/>
          </a:prstGeom>
          <a:noFill/>
        </p:spPr>
        <p:txBody>
          <a:bodyPr wrap="none" rtlCol="0">
            <a:spAutoFit/>
          </a:bodyPr>
          <a:lstStyle/>
          <a:p>
            <a:pPr algn="ctr">
              <a:buClr>
                <a:srgbClr val="008CCF"/>
              </a:buClr>
            </a:pPr>
            <a:r>
              <a:rPr lang="en-NO" dirty="0"/>
              <a:t>Lasagne </a:t>
            </a:r>
          </a:p>
          <a:p>
            <a:pPr algn="ctr">
              <a:buClr>
                <a:srgbClr val="008CCF"/>
              </a:buClr>
            </a:pPr>
            <a:r>
              <a:rPr lang="en-NO" dirty="0"/>
              <a:t>Private </a:t>
            </a:r>
          </a:p>
          <a:p>
            <a:pPr algn="ctr">
              <a:buClr>
                <a:srgbClr val="008CCF"/>
              </a:buClr>
            </a:pPr>
            <a:r>
              <a:rPr lang="en-NO" dirty="0">
                <a:solidFill>
                  <a:schemeClr val="accent1"/>
                </a:solidFill>
              </a:rPr>
              <a:t>Hospital</a:t>
            </a:r>
          </a:p>
        </p:txBody>
      </p:sp>
      <p:sp>
        <p:nvSpPr>
          <p:cNvPr id="117" name="TextBox 116">
            <a:extLst>
              <a:ext uri="{FF2B5EF4-FFF2-40B4-BE49-F238E27FC236}">
                <a16:creationId xmlns:a16="http://schemas.microsoft.com/office/drawing/2014/main" id="{7255C809-FB82-F70C-6285-E5FCD62B4819}"/>
              </a:ext>
            </a:extLst>
          </p:cNvPr>
          <p:cNvSpPr txBox="1"/>
          <p:nvPr/>
        </p:nvSpPr>
        <p:spPr>
          <a:xfrm>
            <a:off x="3092995" y="4822694"/>
            <a:ext cx="1237839" cy="923330"/>
          </a:xfrm>
          <a:prstGeom prst="rect">
            <a:avLst/>
          </a:prstGeom>
          <a:noFill/>
        </p:spPr>
        <p:txBody>
          <a:bodyPr wrap="none" rtlCol="0">
            <a:spAutoFit/>
          </a:bodyPr>
          <a:lstStyle/>
          <a:p>
            <a:pPr algn="ctr">
              <a:buClr>
                <a:srgbClr val="008CCF"/>
              </a:buClr>
            </a:pPr>
            <a:r>
              <a:rPr lang="en-NO" dirty="0"/>
              <a:t>Spaghetti</a:t>
            </a:r>
          </a:p>
          <a:p>
            <a:pPr algn="ctr">
              <a:buClr>
                <a:srgbClr val="008CCF"/>
              </a:buClr>
            </a:pPr>
            <a:r>
              <a:rPr lang="en-NO" dirty="0">
                <a:solidFill>
                  <a:schemeClr val="accent2"/>
                </a:solidFill>
              </a:rPr>
              <a:t>Health </a:t>
            </a:r>
          </a:p>
          <a:p>
            <a:pPr algn="ctr">
              <a:buClr>
                <a:srgbClr val="008CCF"/>
              </a:buClr>
            </a:pPr>
            <a:r>
              <a:rPr lang="es-ES" dirty="0">
                <a:solidFill>
                  <a:schemeClr val="accent2"/>
                </a:solidFill>
              </a:rPr>
              <a:t>C</a:t>
            </a:r>
            <a:r>
              <a:rPr lang="en-NO">
                <a:solidFill>
                  <a:schemeClr val="accent2"/>
                </a:solidFill>
              </a:rPr>
              <a:t>enter</a:t>
            </a:r>
            <a:endParaRPr lang="en-NO" dirty="0">
              <a:solidFill>
                <a:schemeClr val="accent2"/>
              </a:solidFill>
            </a:endParaRPr>
          </a:p>
        </p:txBody>
      </p:sp>
      <p:sp>
        <p:nvSpPr>
          <p:cNvPr id="118" name="TextBox 117">
            <a:extLst>
              <a:ext uri="{FF2B5EF4-FFF2-40B4-BE49-F238E27FC236}">
                <a16:creationId xmlns:a16="http://schemas.microsoft.com/office/drawing/2014/main" id="{75904A37-C625-CAD1-9542-6E4EAA880B99}"/>
              </a:ext>
            </a:extLst>
          </p:cNvPr>
          <p:cNvSpPr txBox="1"/>
          <p:nvPr/>
        </p:nvSpPr>
        <p:spPr>
          <a:xfrm>
            <a:off x="4760814" y="4824122"/>
            <a:ext cx="976549" cy="923330"/>
          </a:xfrm>
          <a:prstGeom prst="rect">
            <a:avLst/>
          </a:prstGeom>
          <a:noFill/>
        </p:spPr>
        <p:txBody>
          <a:bodyPr wrap="none" rtlCol="0">
            <a:spAutoFit/>
          </a:bodyPr>
          <a:lstStyle/>
          <a:p>
            <a:pPr algn="ctr">
              <a:buClr>
                <a:srgbClr val="008CCF"/>
              </a:buClr>
            </a:pPr>
            <a:r>
              <a:rPr lang="en-NO" dirty="0"/>
              <a:t>Apple </a:t>
            </a:r>
          </a:p>
          <a:p>
            <a:pPr algn="ctr">
              <a:buClr>
                <a:srgbClr val="008CCF"/>
              </a:buClr>
            </a:pPr>
            <a:r>
              <a:rPr lang="en-NO" dirty="0">
                <a:solidFill>
                  <a:schemeClr val="accent2"/>
                </a:solidFill>
              </a:rPr>
              <a:t>Health </a:t>
            </a:r>
          </a:p>
          <a:p>
            <a:pPr algn="ctr">
              <a:buClr>
                <a:srgbClr val="008CCF"/>
              </a:buClr>
            </a:pPr>
            <a:r>
              <a:rPr lang="en-NO" dirty="0">
                <a:solidFill>
                  <a:schemeClr val="accent2"/>
                </a:solidFill>
              </a:rPr>
              <a:t>Center</a:t>
            </a:r>
          </a:p>
        </p:txBody>
      </p:sp>
      <p:sp>
        <p:nvSpPr>
          <p:cNvPr id="119" name="TextBox 118">
            <a:extLst>
              <a:ext uri="{FF2B5EF4-FFF2-40B4-BE49-F238E27FC236}">
                <a16:creationId xmlns:a16="http://schemas.microsoft.com/office/drawing/2014/main" id="{EF871AF9-907C-307E-3280-0795A853E2A3}"/>
              </a:ext>
            </a:extLst>
          </p:cNvPr>
          <p:cNvSpPr txBox="1"/>
          <p:nvPr/>
        </p:nvSpPr>
        <p:spPr>
          <a:xfrm>
            <a:off x="6313559" y="4823832"/>
            <a:ext cx="1066318" cy="923330"/>
          </a:xfrm>
          <a:prstGeom prst="rect">
            <a:avLst/>
          </a:prstGeom>
          <a:noFill/>
        </p:spPr>
        <p:txBody>
          <a:bodyPr wrap="none" rtlCol="0">
            <a:spAutoFit/>
          </a:bodyPr>
          <a:lstStyle/>
          <a:p>
            <a:pPr algn="ctr">
              <a:buClr>
                <a:srgbClr val="008CCF"/>
              </a:buClr>
            </a:pPr>
            <a:r>
              <a:rPr lang="en-NO" dirty="0"/>
              <a:t>Banana </a:t>
            </a:r>
          </a:p>
          <a:p>
            <a:pPr algn="ctr">
              <a:buClr>
                <a:srgbClr val="008CCF"/>
              </a:buClr>
            </a:pPr>
            <a:r>
              <a:rPr lang="en-NO" dirty="0"/>
              <a:t>District </a:t>
            </a:r>
          </a:p>
          <a:p>
            <a:pPr algn="ctr">
              <a:buClr>
                <a:srgbClr val="008CCF"/>
              </a:buClr>
            </a:pPr>
            <a:r>
              <a:rPr lang="en-NO" dirty="0">
                <a:solidFill>
                  <a:schemeClr val="accent1"/>
                </a:solidFill>
              </a:rPr>
              <a:t>Hospital</a:t>
            </a:r>
          </a:p>
        </p:txBody>
      </p:sp>
      <p:sp>
        <p:nvSpPr>
          <p:cNvPr id="120" name="TextBox 119">
            <a:extLst>
              <a:ext uri="{FF2B5EF4-FFF2-40B4-BE49-F238E27FC236}">
                <a16:creationId xmlns:a16="http://schemas.microsoft.com/office/drawing/2014/main" id="{9EA890F5-C746-668B-CDB7-13C564E9036E}"/>
              </a:ext>
            </a:extLst>
          </p:cNvPr>
          <p:cNvSpPr txBox="1"/>
          <p:nvPr/>
        </p:nvSpPr>
        <p:spPr>
          <a:xfrm>
            <a:off x="7972409" y="4824143"/>
            <a:ext cx="1066318" cy="923330"/>
          </a:xfrm>
          <a:prstGeom prst="rect">
            <a:avLst/>
          </a:prstGeom>
          <a:noFill/>
        </p:spPr>
        <p:txBody>
          <a:bodyPr wrap="none" rtlCol="0">
            <a:spAutoFit/>
          </a:bodyPr>
          <a:lstStyle/>
          <a:p>
            <a:pPr algn="ctr">
              <a:buClr>
                <a:srgbClr val="008CCF"/>
              </a:buClr>
            </a:pPr>
            <a:r>
              <a:rPr lang="en-NO" dirty="0"/>
              <a:t>Carrot</a:t>
            </a:r>
          </a:p>
          <a:p>
            <a:pPr algn="ctr">
              <a:buClr>
                <a:srgbClr val="008CCF"/>
              </a:buClr>
            </a:pPr>
            <a:r>
              <a:rPr lang="en-NO" dirty="0"/>
              <a:t>District </a:t>
            </a:r>
          </a:p>
          <a:p>
            <a:pPr algn="ctr">
              <a:buClr>
                <a:srgbClr val="008CCF"/>
              </a:buClr>
            </a:pPr>
            <a:r>
              <a:rPr lang="en-NO" dirty="0">
                <a:solidFill>
                  <a:schemeClr val="accent1"/>
                </a:solidFill>
              </a:rPr>
              <a:t>Hospital</a:t>
            </a:r>
          </a:p>
        </p:txBody>
      </p:sp>
      <p:sp>
        <p:nvSpPr>
          <p:cNvPr id="121" name="TextBox 120">
            <a:extLst>
              <a:ext uri="{FF2B5EF4-FFF2-40B4-BE49-F238E27FC236}">
                <a16:creationId xmlns:a16="http://schemas.microsoft.com/office/drawing/2014/main" id="{D6F489FD-7450-965A-CB6F-2425CB2621A0}"/>
              </a:ext>
            </a:extLst>
          </p:cNvPr>
          <p:cNvSpPr txBox="1"/>
          <p:nvPr/>
        </p:nvSpPr>
        <p:spPr>
          <a:xfrm>
            <a:off x="9513635" y="4823851"/>
            <a:ext cx="1088760" cy="923330"/>
          </a:xfrm>
          <a:prstGeom prst="rect">
            <a:avLst/>
          </a:prstGeom>
          <a:noFill/>
        </p:spPr>
        <p:txBody>
          <a:bodyPr wrap="none" rtlCol="0">
            <a:spAutoFit/>
          </a:bodyPr>
          <a:lstStyle/>
          <a:p>
            <a:pPr algn="ctr">
              <a:buClr>
                <a:srgbClr val="008CCF"/>
              </a:buClr>
            </a:pPr>
            <a:r>
              <a:rPr lang="en-NO" dirty="0"/>
              <a:t>Spinach</a:t>
            </a:r>
          </a:p>
          <a:p>
            <a:pPr algn="ctr">
              <a:buClr>
                <a:srgbClr val="008CCF"/>
              </a:buClr>
            </a:pPr>
            <a:r>
              <a:rPr lang="en-NO" dirty="0">
                <a:solidFill>
                  <a:schemeClr val="accent2"/>
                </a:solidFill>
              </a:rPr>
              <a:t>Health</a:t>
            </a:r>
          </a:p>
          <a:p>
            <a:pPr algn="ctr">
              <a:buClr>
                <a:srgbClr val="008CCF"/>
              </a:buClr>
            </a:pPr>
            <a:r>
              <a:rPr lang="en-NO" dirty="0">
                <a:solidFill>
                  <a:schemeClr val="accent2"/>
                </a:solidFill>
              </a:rPr>
              <a:t>Center</a:t>
            </a:r>
          </a:p>
        </p:txBody>
      </p:sp>
    </p:spTree>
    <p:custDataLst>
      <p:tags r:id="rId1"/>
    </p:custDataLst>
    <p:extLst>
      <p:ext uri="{BB962C8B-B14F-4D97-AF65-F5344CB8AC3E}">
        <p14:creationId xmlns:p14="http://schemas.microsoft.com/office/powerpoint/2010/main" val="2010427021"/>
      </p:ext>
    </p:extLst>
  </p:cSld>
  <p:clrMapOvr>
    <a:masterClrMapping/>
  </p:clrMapOvr>
  <mc:AlternateContent xmlns:mc="http://schemas.openxmlformats.org/markup-compatibility/2006" xmlns:p14="http://schemas.microsoft.com/office/powerpoint/2010/main">
    <mc:Choice Requires="p14">
      <p:transition spd="slow" p14:dur="2000" advClick="0" advTm="15902"/>
    </mc:Choice>
    <mc:Fallback xmlns="">
      <p:transition spd="slow" advClick="0" advTm="15902"/>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stCondLst>
                                    <p:cond delay="0"/>
                                  </p:stCondLst>
                                  <p:childTnLst>
                                    <p:set>
                                      <p:cBhvr>
                                        <p:cTn id="6" dur="1" fill="hold">
                                          <p:stCondLst>
                                            <p:cond delay="0"/>
                                          </p:stCondLst>
                                        </p:cTn>
                                        <p:tgtEl>
                                          <p:spTgt spid="34"/>
                                        </p:tgtEl>
                                        <p:attrNameLst>
                                          <p:attrName>style.visibility</p:attrName>
                                        </p:attrNameLst>
                                      </p:cBhvr>
                                      <p:to>
                                        <p:strVal val="visible"/>
                                      </p:to>
                                    </p:set>
                                    <p:anim calcmode="lin" valueType="num">
                                      <p:cBhvr additive="base">
                                        <p:cTn id="7" dur="500" fill="hold"/>
                                        <p:tgtEl>
                                          <p:spTgt spid="34"/>
                                        </p:tgtEl>
                                        <p:attrNameLst>
                                          <p:attrName>ppt_x</p:attrName>
                                        </p:attrNameLst>
                                      </p:cBhvr>
                                      <p:tavLst>
                                        <p:tav tm="0">
                                          <p:val>
                                            <p:strVal val="#ppt_x"/>
                                          </p:val>
                                        </p:tav>
                                        <p:tav tm="100000">
                                          <p:val>
                                            <p:strVal val="#ppt_x"/>
                                          </p:val>
                                        </p:tav>
                                      </p:tavLst>
                                    </p:anim>
                                    <p:anim calcmode="lin" valueType="num">
                                      <p:cBhvr additive="base">
                                        <p:cTn id="8" dur="500" fill="hold"/>
                                        <p:tgtEl>
                                          <p:spTgt spid="34"/>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35"/>
                                        </p:tgtEl>
                                        <p:attrNameLst>
                                          <p:attrName>style.visibility</p:attrName>
                                        </p:attrNameLst>
                                      </p:cBhvr>
                                      <p:to>
                                        <p:strVal val="visible"/>
                                      </p:to>
                                    </p:set>
                                    <p:anim calcmode="lin" valueType="num">
                                      <p:cBhvr additive="base">
                                        <p:cTn id="11" dur="500" fill="hold"/>
                                        <p:tgtEl>
                                          <p:spTgt spid="35"/>
                                        </p:tgtEl>
                                        <p:attrNameLst>
                                          <p:attrName>ppt_x</p:attrName>
                                        </p:attrNameLst>
                                      </p:cBhvr>
                                      <p:tavLst>
                                        <p:tav tm="0">
                                          <p:val>
                                            <p:strVal val="#ppt_x"/>
                                          </p:val>
                                        </p:tav>
                                        <p:tav tm="100000">
                                          <p:val>
                                            <p:strVal val="#ppt_x"/>
                                          </p:val>
                                        </p:tav>
                                      </p:tavLst>
                                    </p:anim>
                                    <p:anim calcmode="lin" valueType="num">
                                      <p:cBhvr additive="base">
                                        <p:cTn id="12" dur="500" fill="hold"/>
                                        <p:tgtEl>
                                          <p:spTgt spid="35"/>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134"/>
                                        </p:tgtEl>
                                        <p:attrNameLst>
                                          <p:attrName>style.visibility</p:attrName>
                                        </p:attrNameLst>
                                      </p:cBhvr>
                                      <p:to>
                                        <p:strVal val="visible"/>
                                      </p:to>
                                    </p:set>
                                    <p:anim calcmode="lin" valueType="num">
                                      <p:cBhvr additive="base">
                                        <p:cTn id="15" dur="500" fill="hold"/>
                                        <p:tgtEl>
                                          <p:spTgt spid="134"/>
                                        </p:tgtEl>
                                        <p:attrNameLst>
                                          <p:attrName>ppt_x</p:attrName>
                                        </p:attrNameLst>
                                      </p:cBhvr>
                                      <p:tavLst>
                                        <p:tav tm="0">
                                          <p:val>
                                            <p:strVal val="#ppt_x"/>
                                          </p:val>
                                        </p:tav>
                                        <p:tav tm="100000">
                                          <p:val>
                                            <p:strVal val="#ppt_x"/>
                                          </p:val>
                                        </p:tav>
                                      </p:tavLst>
                                    </p:anim>
                                    <p:anim calcmode="lin" valueType="num">
                                      <p:cBhvr additive="base">
                                        <p:cTn id="16" dur="500" fill="hold"/>
                                        <p:tgtEl>
                                          <p:spTgt spid="134"/>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142"/>
                                        </p:tgtEl>
                                        <p:attrNameLst>
                                          <p:attrName>style.visibility</p:attrName>
                                        </p:attrNameLst>
                                      </p:cBhvr>
                                      <p:to>
                                        <p:strVal val="visible"/>
                                      </p:to>
                                    </p:set>
                                    <p:anim calcmode="lin" valueType="num">
                                      <p:cBhvr additive="base">
                                        <p:cTn id="19" dur="500" fill="hold"/>
                                        <p:tgtEl>
                                          <p:spTgt spid="142"/>
                                        </p:tgtEl>
                                        <p:attrNameLst>
                                          <p:attrName>ppt_x</p:attrName>
                                        </p:attrNameLst>
                                      </p:cBhvr>
                                      <p:tavLst>
                                        <p:tav tm="0">
                                          <p:val>
                                            <p:strVal val="#ppt_x"/>
                                          </p:val>
                                        </p:tav>
                                        <p:tav tm="100000">
                                          <p:val>
                                            <p:strVal val="#ppt_x"/>
                                          </p:val>
                                        </p:tav>
                                      </p:tavLst>
                                    </p:anim>
                                    <p:anim calcmode="lin" valueType="num">
                                      <p:cBhvr additive="base">
                                        <p:cTn id="20" dur="500" fill="hold"/>
                                        <p:tgtEl>
                                          <p:spTgt spid="142"/>
                                        </p:tgtEl>
                                        <p:attrNameLst>
                                          <p:attrName>ppt_y</p:attrName>
                                        </p:attrNameLst>
                                      </p:cBhvr>
                                      <p:tavLst>
                                        <p:tav tm="0">
                                          <p:val>
                                            <p:strVal val="1+#ppt_h/2"/>
                                          </p:val>
                                        </p:tav>
                                        <p:tav tm="100000">
                                          <p:val>
                                            <p:strVal val="#ppt_y"/>
                                          </p:val>
                                        </p:tav>
                                      </p:tavLst>
                                    </p:anim>
                                  </p:childTnLst>
                                </p:cTn>
                              </p:par>
                              <p:par>
                                <p:cTn id="21" presetID="2" presetClass="entr" presetSubtype="4" fill="hold" grpId="0" nodeType="withEffect">
                                  <p:stCondLst>
                                    <p:cond delay="0"/>
                                  </p:stCondLst>
                                  <p:childTnLst>
                                    <p:set>
                                      <p:cBhvr>
                                        <p:cTn id="22" dur="1" fill="hold">
                                          <p:stCondLst>
                                            <p:cond delay="0"/>
                                          </p:stCondLst>
                                        </p:cTn>
                                        <p:tgtEl>
                                          <p:spTgt spid="145"/>
                                        </p:tgtEl>
                                        <p:attrNameLst>
                                          <p:attrName>style.visibility</p:attrName>
                                        </p:attrNameLst>
                                      </p:cBhvr>
                                      <p:to>
                                        <p:strVal val="visible"/>
                                      </p:to>
                                    </p:set>
                                    <p:anim calcmode="lin" valueType="num">
                                      <p:cBhvr additive="base">
                                        <p:cTn id="23" dur="500" fill="hold"/>
                                        <p:tgtEl>
                                          <p:spTgt spid="145"/>
                                        </p:tgtEl>
                                        <p:attrNameLst>
                                          <p:attrName>ppt_x</p:attrName>
                                        </p:attrNameLst>
                                      </p:cBhvr>
                                      <p:tavLst>
                                        <p:tav tm="0">
                                          <p:val>
                                            <p:strVal val="#ppt_x"/>
                                          </p:val>
                                        </p:tav>
                                        <p:tav tm="100000">
                                          <p:val>
                                            <p:strVal val="#ppt_x"/>
                                          </p:val>
                                        </p:tav>
                                      </p:tavLst>
                                    </p:anim>
                                    <p:anim calcmode="lin" valueType="num">
                                      <p:cBhvr additive="base">
                                        <p:cTn id="24" dur="500" fill="hold"/>
                                        <p:tgtEl>
                                          <p:spTgt spid="145"/>
                                        </p:tgtEl>
                                        <p:attrNameLst>
                                          <p:attrName>ppt_y</p:attrName>
                                        </p:attrNameLst>
                                      </p:cBhvr>
                                      <p:tavLst>
                                        <p:tav tm="0">
                                          <p:val>
                                            <p:strVal val="1+#ppt_h/2"/>
                                          </p:val>
                                        </p:tav>
                                        <p:tav tm="100000">
                                          <p:val>
                                            <p:strVal val="#ppt_y"/>
                                          </p:val>
                                        </p:tav>
                                      </p:tavLst>
                                    </p:anim>
                                  </p:childTnLst>
                                </p:cTn>
                              </p:par>
                              <p:par>
                                <p:cTn id="25" presetID="2" presetClass="entr" presetSubtype="4" fill="hold" grpId="0" nodeType="withEffect">
                                  <p:stCondLst>
                                    <p:cond delay="0"/>
                                  </p:stCondLst>
                                  <p:childTnLst>
                                    <p:set>
                                      <p:cBhvr>
                                        <p:cTn id="26" dur="1" fill="hold">
                                          <p:stCondLst>
                                            <p:cond delay="0"/>
                                          </p:stCondLst>
                                        </p:cTn>
                                        <p:tgtEl>
                                          <p:spTgt spid="147"/>
                                        </p:tgtEl>
                                        <p:attrNameLst>
                                          <p:attrName>style.visibility</p:attrName>
                                        </p:attrNameLst>
                                      </p:cBhvr>
                                      <p:to>
                                        <p:strVal val="visible"/>
                                      </p:to>
                                    </p:set>
                                    <p:anim calcmode="lin" valueType="num">
                                      <p:cBhvr additive="base">
                                        <p:cTn id="27" dur="500" fill="hold"/>
                                        <p:tgtEl>
                                          <p:spTgt spid="147"/>
                                        </p:tgtEl>
                                        <p:attrNameLst>
                                          <p:attrName>ppt_x</p:attrName>
                                        </p:attrNameLst>
                                      </p:cBhvr>
                                      <p:tavLst>
                                        <p:tav tm="0">
                                          <p:val>
                                            <p:strVal val="#ppt_x"/>
                                          </p:val>
                                        </p:tav>
                                        <p:tav tm="100000">
                                          <p:val>
                                            <p:strVal val="#ppt_x"/>
                                          </p:val>
                                        </p:tav>
                                      </p:tavLst>
                                    </p:anim>
                                    <p:anim calcmode="lin" valueType="num">
                                      <p:cBhvr additive="base">
                                        <p:cTn id="28" dur="500" fill="hold"/>
                                        <p:tgtEl>
                                          <p:spTgt spid="147"/>
                                        </p:tgtEl>
                                        <p:attrNameLst>
                                          <p:attrName>ppt_y</p:attrName>
                                        </p:attrNameLst>
                                      </p:cBhvr>
                                      <p:tavLst>
                                        <p:tav tm="0">
                                          <p:val>
                                            <p:strVal val="1+#ppt_h/2"/>
                                          </p:val>
                                        </p:tav>
                                        <p:tav tm="100000">
                                          <p:val>
                                            <p:strVal val="#ppt_y"/>
                                          </p:val>
                                        </p:tav>
                                      </p:tavLst>
                                    </p:anim>
                                  </p:childTnLst>
                                </p:cTn>
                              </p:par>
                              <p:par>
                                <p:cTn id="29" presetID="2" presetClass="entr" presetSubtype="4" fill="hold" nodeType="withEffect">
                                  <p:stCondLst>
                                    <p:cond delay="0"/>
                                  </p:stCondLst>
                                  <p:childTnLst>
                                    <p:set>
                                      <p:cBhvr>
                                        <p:cTn id="30" dur="1" fill="hold">
                                          <p:stCondLst>
                                            <p:cond delay="0"/>
                                          </p:stCondLst>
                                        </p:cTn>
                                        <p:tgtEl>
                                          <p:spTgt spid="148"/>
                                        </p:tgtEl>
                                        <p:attrNameLst>
                                          <p:attrName>style.visibility</p:attrName>
                                        </p:attrNameLst>
                                      </p:cBhvr>
                                      <p:to>
                                        <p:strVal val="visible"/>
                                      </p:to>
                                    </p:set>
                                    <p:anim calcmode="lin" valueType="num">
                                      <p:cBhvr additive="base">
                                        <p:cTn id="31" dur="500" fill="hold"/>
                                        <p:tgtEl>
                                          <p:spTgt spid="148"/>
                                        </p:tgtEl>
                                        <p:attrNameLst>
                                          <p:attrName>ppt_x</p:attrName>
                                        </p:attrNameLst>
                                      </p:cBhvr>
                                      <p:tavLst>
                                        <p:tav tm="0">
                                          <p:val>
                                            <p:strVal val="#ppt_x"/>
                                          </p:val>
                                        </p:tav>
                                        <p:tav tm="100000">
                                          <p:val>
                                            <p:strVal val="#ppt_x"/>
                                          </p:val>
                                        </p:tav>
                                      </p:tavLst>
                                    </p:anim>
                                    <p:anim calcmode="lin" valueType="num">
                                      <p:cBhvr additive="base">
                                        <p:cTn id="32" dur="500" fill="hold"/>
                                        <p:tgtEl>
                                          <p:spTgt spid="148"/>
                                        </p:tgtEl>
                                        <p:attrNameLst>
                                          <p:attrName>ppt_y</p:attrName>
                                        </p:attrNameLst>
                                      </p:cBhvr>
                                      <p:tavLst>
                                        <p:tav tm="0">
                                          <p:val>
                                            <p:strVal val="1+#ppt_h/2"/>
                                          </p:val>
                                        </p:tav>
                                        <p:tav tm="100000">
                                          <p:val>
                                            <p:strVal val="#ppt_y"/>
                                          </p:val>
                                        </p:tav>
                                      </p:tavLst>
                                    </p:anim>
                                  </p:childTnLst>
                                </p:cTn>
                              </p:par>
                              <p:par>
                                <p:cTn id="33" presetID="2" presetClass="entr" presetSubtype="4" fill="hold" grpId="0" nodeType="withEffect">
                                  <p:stCondLst>
                                    <p:cond delay="0"/>
                                  </p:stCondLst>
                                  <p:childTnLst>
                                    <p:set>
                                      <p:cBhvr>
                                        <p:cTn id="34" dur="1" fill="hold">
                                          <p:stCondLst>
                                            <p:cond delay="0"/>
                                          </p:stCondLst>
                                        </p:cTn>
                                        <p:tgtEl>
                                          <p:spTgt spid="153"/>
                                        </p:tgtEl>
                                        <p:attrNameLst>
                                          <p:attrName>style.visibility</p:attrName>
                                        </p:attrNameLst>
                                      </p:cBhvr>
                                      <p:to>
                                        <p:strVal val="visible"/>
                                      </p:to>
                                    </p:set>
                                    <p:anim calcmode="lin" valueType="num">
                                      <p:cBhvr additive="base">
                                        <p:cTn id="35" dur="500" fill="hold"/>
                                        <p:tgtEl>
                                          <p:spTgt spid="153"/>
                                        </p:tgtEl>
                                        <p:attrNameLst>
                                          <p:attrName>ppt_x</p:attrName>
                                        </p:attrNameLst>
                                      </p:cBhvr>
                                      <p:tavLst>
                                        <p:tav tm="0">
                                          <p:val>
                                            <p:strVal val="#ppt_x"/>
                                          </p:val>
                                        </p:tav>
                                        <p:tav tm="100000">
                                          <p:val>
                                            <p:strVal val="#ppt_x"/>
                                          </p:val>
                                        </p:tav>
                                      </p:tavLst>
                                    </p:anim>
                                    <p:anim calcmode="lin" valueType="num">
                                      <p:cBhvr additive="base">
                                        <p:cTn id="36" dur="500" fill="hold"/>
                                        <p:tgtEl>
                                          <p:spTgt spid="153"/>
                                        </p:tgtEl>
                                        <p:attrNameLst>
                                          <p:attrName>ppt_y</p:attrName>
                                        </p:attrNameLst>
                                      </p:cBhvr>
                                      <p:tavLst>
                                        <p:tav tm="0">
                                          <p:val>
                                            <p:strVal val="1+#ppt_h/2"/>
                                          </p:val>
                                        </p:tav>
                                        <p:tav tm="100000">
                                          <p:val>
                                            <p:strVal val="#ppt_y"/>
                                          </p:val>
                                        </p:tav>
                                      </p:tavLst>
                                    </p:anim>
                                  </p:childTnLst>
                                </p:cTn>
                              </p:par>
                              <p:par>
                                <p:cTn id="37" presetID="2" presetClass="entr" presetSubtype="4" fill="hold" grpId="0" nodeType="withEffect">
                                  <p:stCondLst>
                                    <p:cond delay="0"/>
                                  </p:stCondLst>
                                  <p:childTnLst>
                                    <p:set>
                                      <p:cBhvr>
                                        <p:cTn id="38" dur="1" fill="hold">
                                          <p:stCondLst>
                                            <p:cond delay="0"/>
                                          </p:stCondLst>
                                        </p:cTn>
                                        <p:tgtEl>
                                          <p:spTgt spid="154"/>
                                        </p:tgtEl>
                                        <p:attrNameLst>
                                          <p:attrName>style.visibility</p:attrName>
                                        </p:attrNameLst>
                                      </p:cBhvr>
                                      <p:to>
                                        <p:strVal val="visible"/>
                                      </p:to>
                                    </p:set>
                                    <p:anim calcmode="lin" valueType="num">
                                      <p:cBhvr additive="base">
                                        <p:cTn id="39" dur="500" fill="hold"/>
                                        <p:tgtEl>
                                          <p:spTgt spid="154"/>
                                        </p:tgtEl>
                                        <p:attrNameLst>
                                          <p:attrName>ppt_x</p:attrName>
                                        </p:attrNameLst>
                                      </p:cBhvr>
                                      <p:tavLst>
                                        <p:tav tm="0">
                                          <p:val>
                                            <p:strVal val="#ppt_x"/>
                                          </p:val>
                                        </p:tav>
                                        <p:tav tm="100000">
                                          <p:val>
                                            <p:strVal val="#ppt_x"/>
                                          </p:val>
                                        </p:tav>
                                      </p:tavLst>
                                    </p:anim>
                                    <p:anim calcmode="lin" valueType="num">
                                      <p:cBhvr additive="base">
                                        <p:cTn id="40" dur="500" fill="hold"/>
                                        <p:tgtEl>
                                          <p:spTgt spid="154"/>
                                        </p:tgtEl>
                                        <p:attrNameLst>
                                          <p:attrName>ppt_y</p:attrName>
                                        </p:attrNameLst>
                                      </p:cBhvr>
                                      <p:tavLst>
                                        <p:tav tm="0">
                                          <p:val>
                                            <p:strVal val="1+#ppt_h/2"/>
                                          </p:val>
                                        </p:tav>
                                        <p:tav tm="100000">
                                          <p:val>
                                            <p:strVal val="#ppt_y"/>
                                          </p:val>
                                        </p:tav>
                                      </p:tavLst>
                                    </p:anim>
                                  </p:childTnLst>
                                </p:cTn>
                              </p:par>
                              <p:par>
                                <p:cTn id="41" presetID="2" presetClass="entr" presetSubtype="4" fill="hold" nodeType="withEffect">
                                  <p:stCondLst>
                                    <p:cond delay="0"/>
                                  </p:stCondLst>
                                  <p:childTnLst>
                                    <p:set>
                                      <p:cBhvr>
                                        <p:cTn id="42" dur="1" fill="hold">
                                          <p:stCondLst>
                                            <p:cond delay="0"/>
                                          </p:stCondLst>
                                        </p:cTn>
                                        <p:tgtEl>
                                          <p:spTgt spid="162"/>
                                        </p:tgtEl>
                                        <p:attrNameLst>
                                          <p:attrName>style.visibility</p:attrName>
                                        </p:attrNameLst>
                                      </p:cBhvr>
                                      <p:to>
                                        <p:strVal val="visible"/>
                                      </p:to>
                                    </p:set>
                                    <p:anim calcmode="lin" valueType="num">
                                      <p:cBhvr additive="base">
                                        <p:cTn id="43" dur="500" fill="hold"/>
                                        <p:tgtEl>
                                          <p:spTgt spid="162"/>
                                        </p:tgtEl>
                                        <p:attrNameLst>
                                          <p:attrName>ppt_x</p:attrName>
                                        </p:attrNameLst>
                                      </p:cBhvr>
                                      <p:tavLst>
                                        <p:tav tm="0">
                                          <p:val>
                                            <p:strVal val="#ppt_x"/>
                                          </p:val>
                                        </p:tav>
                                        <p:tav tm="100000">
                                          <p:val>
                                            <p:strVal val="#ppt_x"/>
                                          </p:val>
                                        </p:tav>
                                      </p:tavLst>
                                    </p:anim>
                                    <p:anim calcmode="lin" valueType="num">
                                      <p:cBhvr additive="base">
                                        <p:cTn id="44" dur="500" fill="hold"/>
                                        <p:tgtEl>
                                          <p:spTgt spid="162"/>
                                        </p:tgtEl>
                                        <p:attrNameLst>
                                          <p:attrName>ppt_y</p:attrName>
                                        </p:attrNameLst>
                                      </p:cBhvr>
                                      <p:tavLst>
                                        <p:tav tm="0">
                                          <p:val>
                                            <p:strVal val="1+#ppt_h/2"/>
                                          </p:val>
                                        </p:tav>
                                        <p:tav tm="100000">
                                          <p:val>
                                            <p:strVal val="#ppt_y"/>
                                          </p:val>
                                        </p:tav>
                                      </p:tavLst>
                                    </p:anim>
                                  </p:childTnLst>
                                </p:cTn>
                              </p:par>
                              <p:par>
                                <p:cTn id="45" presetID="2" presetClass="entr" presetSubtype="4" fill="hold" nodeType="withEffect">
                                  <p:stCondLst>
                                    <p:cond delay="0"/>
                                  </p:stCondLst>
                                  <p:childTnLst>
                                    <p:set>
                                      <p:cBhvr>
                                        <p:cTn id="46" dur="1" fill="hold">
                                          <p:stCondLst>
                                            <p:cond delay="0"/>
                                          </p:stCondLst>
                                        </p:cTn>
                                        <p:tgtEl>
                                          <p:spTgt spid="163"/>
                                        </p:tgtEl>
                                        <p:attrNameLst>
                                          <p:attrName>style.visibility</p:attrName>
                                        </p:attrNameLst>
                                      </p:cBhvr>
                                      <p:to>
                                        <p:strVal val="visible"/>
                                      </p:to>
                                    </p:set>
                                    <p:anim calcmode="lin" valueType="num">
                                      <p:cBhvr additive="base">
                                        <p:cTn id="47" dur="500" fill="hold"/>
                                        <p:tgtEl>
                                          <p:spTgt spid="163"/>
                                        </p:tgtEl>
                                        <p:attrNameLst>
                                          <p:attrName>ppt_x</p:attrName>
                                        </p:attrNameLst>
                                      </p:cBhvr>
                                      <p:tavLst>
                                        <p:tav tm="0">
                                          <p:val>
                                            <p:strVal val="#ppt_x"/>
                                          </p:val>
                                        </p:tav>
                                        <p:tav tm="100000">
                                          <p:val>
                                            <p:strVal val="#ppt_x"/>
                                          </p:val>
                                        </p:tav>
                                      </p:tavLst>
                                    </p:anim>
                                    <p:anim calcmode="lin" valueType="num">
                                      <p:cBhvr additive="base">
                                        <p:cTn id="48" dur="500" fill="hold"/>
                                        <p:tgtEl>
                                          <p:spTgt spid="163"/>
                                        </p:tgtEl>
                                        <p:attrNameLst>
                                          <p:attrName>ppt_y</p:attrName>
                                        </p:attrNameLst>
                                      </p:cBhvr>
                                      <p:tavLst>
                                        <p:tav tm="0">
                                          <p:val>
                                            <p:strVal val="1+#ppt_h/2"/>
                                          </p:val>
                                        </p:tav>
                                        <p:tav tm="100000">
                                          <p:val>
                                            <p:strVal val="#ppt_y"/>
                                          </p:val>
                                        </p:tav>
                                      </p:tavLst>
                                    </p:anim>
                                  </p:childTnLst>
                                </p:cTn>
                              </p:par>
                              <p:par>
                                <p:cTn id="49" presetID="2" presetClass="entr" presetSubtype="4" fill="hold" nodeType="withEffect">
                                  <p:stCondLst>
                                    <p:cond delay="0"/>
                                  </p:stCondLst>
                                  <p:childTnLst>
                                    <p:set>
                                      <p:cBhvr>
                                        <p:cTn id="50" dur="1" fill="hold">
                                          <p:stCondLst>
                                            <p:cond delay="0"/>
                                          </p:stCondLst>
                                        </p:cTn>
                                        <p:tgtEl>
                                          <p:spTgt spid="166"/>
                                        </p:tgtEl>
                                        <p:attrNameLst>
                                          <p:attrName>style.visibility</p:attrName>
                                        </p:attrNameLst>
                                      </p:cBhvr>
                                      <p:to>
                                        <p:strVal val="visible"/>
                                      </p:to>
                                    </p:set>
                                    <p:anim calcmode="lin" valueType="num">
                                      <p:cBhvr additive="base">
                                        <p:cTn id="51" dur="500" fill="hold"/>
                                        <p:tgtEl>
                                          <p:spTgt spid="166"/>
                                        </p:tgtEl>
                                        <p:attrNameLst>
                                          <p:attrName>ppt_x</p:attrName>
                                        </p:attrNameLst>
                                      </p:cBhvr>
                                      <p:tavLst>
                                        <p:tav tm="0">
                                          <p:val>
                                            <p:strVal val="#ppt_x"/>
                                          </p:val>
                                        </p:tav>
                                        <p:tav tm="100000">
                                          <p:val>
                                            <p:strVal val="#ppt_x"/>
                                          </p:val>
                                        </p:tav>
                                      </p:tavLst>
                                    </p:anim>
                                    <p:anim calcmode="lin" valueType="num">
                                      <p:cBhvr additive="base">
                                        <p:cTn id="52" dur="500" fill="hold"/>
                                        <p:tgtEl>
                                          <p:spTgt spid="166"/>
                                        </p:tgtEl>
                                        <p:attrNameLst>
                                          <p:attrName>ppt_y</p:attrName>
                                        </p:attrNameLst>
                                      </p:cBhvr>
                                      <p:tavLst>
                                        <p:tav tm="0">
                                          <p:val>
                                            <p:strVal val="1+#ppt_h/2"/>
                                          </p:val>
                                        </p:tav>
                                        <p:tav tm="100000">
                                          <p:val>
                                            <p:strVal val="#ppt_y"/>
                                          </p:val>
                                        </p:tav>
                                      </p:tavLst>
                                    </p:anim>
                                  </p:childTnLst>
                                </p:cTn>
                              </p:par>
                              <p:par>
                                <p:cTn id="53" presetID="2" presetClass="entr" presetSubtype="4" fill="hold" nodeType="withEffect">
                                  <p:stCondLst>
                                    <p:cond delay="0"/>
                                  </p:stCondLst>
                                  <p:childTnLst>
                                    <p:set>
                                      <p:cBhvr>
                                        <p:cTn id="54" dur="1" fill="hold">
                                          <p:stCondLst>
                                            <p:cond delay="0"/>
                                          </p:stCondLst>
                                        </p:cTn>
                                        <p:tgtEl>
                                          <p:spTgt spid="174"/>
                                        </p:tgtEl>
                                        <p:attrNameLst>
                                          <p:attrName>style.visibility</p:attrName>
                                        </p:attrNameLst>
                                      </p:cBhvr>
                                      <p:to>
                                        <p:strVal val="visible"/>
                                      </p:to>
                                    </p:set>
                                    <p:anim calcmode="lin" valueType="num">
                                      <p:cBhvr additive="base">
                                        <p:cTn id="55" dur="500" fill="hold"/>
                                        <p:tgtEl>
                                          <p:spTgt spid="174"/>
                                        </p:tgtEl>
                                        <p:attrNameLst>
                                          <p:attrName>ppt_x</p:attrName>
                                        </p:attrNameLst>
                                      </p:cBhvr>
                                      <p:tavLst>
                                        <p:tav tm="0">
                                          <p:val>
                                            <p:strVal val="#ppt_x"/>
                                          </p:val>
                                        </p:tav>
                                        <p:tav tm="100000">
                                          <p:val>
                                            <p:strVal val="#ppt_x"/>
                                          </p:val>
                                        </p:tav>
                                      </p:tavLst>
                                    </p:anim>
                                    <p:anim calcmode="lin" valueType="num">
                                      <p:cBhvr additive="base">
                                        <p:cTn id="56" dur="500" fill="hold"/>
                                        <p:tgtEl>
                                          <p:spTgt spid="174"/>
                                        </p:tgtEl>
                                        <p:attrNameLst>
                                          <p:attrName>ppt_y</p:attrName>
                                        </p:attrNameLst>
                                      </p:cBhvr>
                                      <p:tavLst>
                                        <p:tav tm="0">
                                          <p:val>
                                            <p:strVal val="1+#ppt_h/2"/>
                                          </p:val>
                                        </p:tav>
                                        <p:tav tm="100000">
                                          <p:val>
                                            <p:strVal val="#ppt_y"/>
                                          </p:val>
                                        </p:tav>
                                      </p:tavLst>
                                    </p:anim>
                                  </p:childTnLst>
                                </p:cTn>
                              </p:par>
                              <p:par>
                                <p:cTn id="57" presetID="2" presetClass="entr" presetSubtype="4" fill="hold" nodeType="withEffect">
                                  <p:stCondLst>
                                    <p:cond delay="0"/>
                                  </p:stCondLst>
                                  <p:childTnLst>
                                    <p:set>
                                      <p:cBhvr>
                                        <p:cTn id="58" dur="1" fill="hold">
                                          <p:stCondLst>
                                            <p:cond delay="0"/>
                                          </p:stCondLst>
                                        </p:cTn>
                                        <p:tgtEl>
                                          <p:spTgt spid="177"/>
                                        </p:tgtEl>
                                        <p:attrNameLst>
                                          <p:attrName>style.visibility</p:attrName>
                                        </p:attrNameLst>
                                      </p:cBhvr>
                                      <p:to>
                                        <p:strVal val="visible"/>
                                      </p:to>
                                    </p:set>
                                    <p:anim calcmode="lin" valueType="num">
                                      <p:cBhvr additive="base">
                                        <p:cTn id="59" dur="500" fill="hold"/>
                                        <p:tgtEl>
                                          <p:spTgt spid="177"/>
                                        </p:tgtEl>
                                        <p:attrNameLst>
                                          <p:attrName>ppt_x</p:attrName>
                                        </p:attrNameLst>
                                      </p:cBhvr>
                                      <p:tavLst>
                                        <p:tav tm="0">
                                          <p:val>
                                            <p:strVal val="#ppt_x"/>
                                          </p:val>
                                        </p:tav>
                                        <p:tav tm="100000">
                                          <p:val>
                                            <p:strVal val="#ppt_x"/>
                                          </p:val>
                                        </p:tav>
                                      </p:tavLst>
                                    </p:anim>
                                    <p:anim calcmode="lin" valueType="num">
                                      <p:cBhvr additive="base">
                                        <p:cTn id="60" dur="500" fill="hold"/>
                                        <p:tgtEl>
                                          <p:spTgt spid="177"/>
                                        </p:tgtEl>
                                        <p:attrNameLst>
                                          <p:attrName>ppt_y</p:attrName>
                                        </p:attrNameLst>
                                      </p:cBhvr>
                                      <p:tavLst>
                                        <p:tav tm="0">
                                          <p:val>
                                            <p:strVal val="1+#ppt_h/2"/>
                                          </p:val>
                                        </p:tav>
                                        <p:tav tm="100000">
                                          <p:val>
                                            <p:strVal val="#ppt_y"/>
                                          </p:val>
                                        </p:tav>
                                      </p:tavLst>
                                    </p:anim>
                                  </p:childTnLst>
                                </p:cTn>
                              </p:par>
                              <p:par>
                                <p:cTn id="61" presetID="2" presetClass="entr" presetSubtype="4" fill="hold" nodeType="withEffect">
                                  <p:stCondLst>
                                    <p:cond delay="0"/>
                                  </p:stCondLst>
                                  <p:childTnLst>
                                    <p:set>
                                      <p:cBhvr>
                                        <p:cTn id="62" dur="1" fill="hold">
                                          <p:stCondLst>
                                            <p:cond delay="0"/>
                                          </p:stCondLst>
                                        </p:cTn>
                                        <p:tgtEl>
                                          <p:spTgt spid="189"/>
                                        </p:tgtEl>
                                        <p:attrNameLst>
                                          <p:attrName>style.visibility</p:attrName>
                                        </p:attrNameLst>
                                      </p:cBhvr>
                                      <p:to>
                                        <p:strVal val="visible"/>
                                      </p:to>
                                    </p:set>
                                    <p:anim calcmode="lin" valueType="num">
                                      <p:cBhvr additive="base">
                                        <p:cTn id="63" dur="500" fill="hold"/>
                                        <p:tgtEl>
                                          <p:spTgt spid="189"/>
                                        </p:tgtEl>
                                        <p:attrNameLst>
                                          <p:attrName>ppt_x</p:attrName>
                                        </p:attrNameLst>
                                      </p:cBhvr>
                                      <p:tavLst>
                                        <p:tav tm="0">
                                          <p:val>
                                            <p:strVal val="#ppt_x"/>
                                          </p:val>
                                        </p:tav>
                                        <p:tav tm="100000">
                                          <p:val>
                                            <p:strVal val="#ppt_x"/>
                                          </p:val>
                                        </p:tav>
                                      </p:tavLst>
                                    </p:anim>
                                    <p:anim calcmode="lin" valueType="num">
                                      <p:cBhvr additive="base">
                                        <p:cTn id="64" dur="500" fill="hold"/>
                                        <p:tgtEl>
                                          <p:spTgt spid="189"/>
                                        </p:tgtEl>
                                        <p:attrNameLst>
                                          <p:attrName>ppt_y</p:attrName>
                                        </p:attrNameLst>
                                      </p:cBhvr>
                                      <p:tavLst>
                                        <p:tav tm="0">
                                          <p:val>
                                            <p:strVal val="1+#ppt_h/2"/>
                                          </p:val>
                                        </p:tav>
                                        <p:tav tm="100000">
                                          <p:val>
                                            <p:strVal val="#ppt_y"/>
                                          </p:val>
                                        </p:tav>
                                      </p:tavLst>
                                    </p:anim>
                                  </p:childTnLst>
                                </p:cTn>
                              </p:par>
                              <p:par>
                                <p:cTn id="65" presetID="2" presetClass="entr" presetSubtype="4" fill="hold" nodeType="withEffect">
                                  <p:stCondLst>
                                    <p:cond delay="0"/>
                                  </p:stCondLst>
                                  <p:childTnLst>
                                    <p:set>
                                      <p:cBhvr>
                                        <p:cTn id="66" dur="1" fill="hold">
                                          <p:stCondLst>
                                            <p:cond delay="0"/>
                                          </p:stCondLst>
                                        </p:cTn>
                                        <p:tgtEl>
                                          <p:spTgt spid="193"/>
                                        </p:tgtEl>
                                        <p:attrNameLst>
                                          <p:attrName>style.visibility</p:attrName>
                                        </p:attrNameLst>
                                      </p:cBhvr>
                                      <p:to>
                                        <p:strVal val="visible"/>
                                      </p:to>
                                    </p:set>
                                    <p:anim calcmode="lin" valueType="num">
                                      <p:cBhvr additive="base">
                                        <p:cTn id="67" dur="500" fill="hold"/>
                                        <p:tgtEl>
                                          <p:spTgt spid="193"/>
                                        </p:tgtEl>
                                        <p:attrNameLst>
                                          <p:attrName>ppt_x</p:attrName>
                                        </p:attrNameLst>
                                      </p:cBhvr>
                                      <p:tavLst>
                                        <p:tav tm="0">
                                          <p:val>
                                            <p:strVal val="#ppt_x"/>
                                          </p:val>
                                        </p:tav>
                                        <p:tav tm="100000">
                                          <p:val>
                                            <p:strVal val="#ppt_x"/>
                                          </p:val>
                                        </p:tav>
                                      </p:tavLst>
                                    </p:anim>
                                    <p:anim calcmode="lin" valueType="num">
                                      <p:cBhvr additive="base">
                                        <p:cTn id="68" dur="500" fill="hold"/>
                                        <p:tgtEl>
                                          <p:spTgt spid="193"/>
                                        </p:tgtEl>
                                        <p:attrNameLst>
                                          <p:attrName>ppt_y</p:attrName>
                                        </p:attrNameLst>
                                      </p:cBhvr>
                                      <p:tavLst>
                                        <p:tav tm="0">
                                          <p:val>
                                            <p:strVal val="1+#ppt_h/2"/>
                                          </p:val>
                                        </p:tav>
                                        <p:tav tm="100000">
                                          <p:val>
                                            <p:strVal val="#ppt_y"/>
                                          </p:val>
                                        </p:tav>
                                      </p:tavLst>
                                    </p:anim>
                                  </p:childTnLst>
                                </p:cTn>
                              </p:par>
                              <p:par>
                                <p:cTn id="69" presetID="2" presetClass="entr" presetSubtype="4" fill="hold" nodeType="withEffect">
                                  <p:stCondLst>
                                    <p:cond delay="0"/>
                                  </p:stCondLst>
                                  <p:childTnLst>
                                    <p:set>
                                      <p:cBhvr>
                                        <p:cTn id="70" dur="1" fill="hold">
                                          <p:stCondLst>
                                            <p:cond delay="0"/>
                                          </p:stCondLst>
                                        </p:cTn>
                                        <p:tgtEl>
                                          <p:spTgt spid="194"/>
                                        </p:tgtEl>
                                        <p:attrNameLst>
                                          <p:attrName>style.visibility</p:attrName>
                                        </p:attrNameLst>
                                      </p:cBhvr>
                                      <p:to>
                                        <p:strVal val="visible"/>
                                      </p:to>
                                    </p:set>
                                    <p:anim calcmode="lin" valueType="num">
                                      <p:cBhvr additive="base">
                                        <p:cTn id="71" dur="500" fill="hold"/>
                                        <p:tgtEl>
                                          <p:spTgt spid="194"/>
                                        </p:tgtEl>
                                        <p:attrNameLst>
                                          <p:attrName>ppt_x</p:attrName>
                                        </p:attrNameLst>
                                      </p:cBhvr>
                                      <p:tavLst>
                                        <p:tav tm="0">
                                          <p:val>
                                            <p:strVal val="#ppt_x"/>
                                          </p:val>
                                        </p:tav>
                                        <p:tav tm="100000">
                                          <p:val>
                                            <p:strVal val="#ppt_x"/>
                                          </p:val>
                                        </p:tav>
                                      </p:tavLst>
                                    </p:anim>
                                    <p:anim calcmode="lin" valueType="num">
                                      <p:cBhvr additive="base">
                                        <p:cTn id="72" dur="500" fill="hold"/>
                                        <p:tgtEl>
                                          <p:spTgt spid="194"/>
                                        </p:tgtEl>
                                        <p:attrNameLst>
                                          <p:attrName>ppt_y</p:attrName>
                                        </p:attrNameLst>
                                      </p:cBhvr>
                                      <p:tavLst>
                                        <p:tav tm="0">
                                          <p:val>
                                            <p:strVal val="1+#ppt_h/2"/>
                                          </p:val>
                                        </p:tav>
                                        <p:tav tm="100000">
                                          <p:val>
                                            <p:strVal val="#ppt_y"/>
                                          </p:val>
                                        </p:tav>
                                      </p:tavLst>
                                    </p:anim>
                                  </p:childTnLst>
                                </p:cTn>
                              </p:par>
                              <p:par>
                                <p:cTn id="73" presetID="2" presetClass="entr" presetSubtype="4" fill="hold" nodeType="withEffect">
                                  <p:stCondLst>
                                    <p:cond delay="0"/>
                                  </p:stCondLst>
                                  <p:childTnLst>
                                    <p:set>
                                      <p:cBhvr>
                                        <p:cTn id="74" dur="1" fill="hold">
                                          <p:stCondLst>
                                            <p:cond delay="0"/>
                                          </p:stCondLst>
                                        </p:cTn>
                                        <p:tgtEl>
                                          <p:spTgt spid="195"/>
                                        </p:tgtEl>
                                        <p:attrNameLst>
                                          <p:attrName>style.visibility</p:attrName>
                                        </p:attrNameLst>
                                      </p:cBhvr>
                                      <p:to>
                                        <p:strVal val="visible"/>
                                      </p:to>
                                    </p:set>
                                    <p:anim calcmode="lin" valueType="num">
                                      <p:cBhvr additive="base">
                                        <p:cTn id="75" dur="500" fill="hold"/>
                                        <p:tgtEl>
                                          <p:spTgt spid="195"/>
                                        </p:tgtEl>
                                        <p:attrNameLst>
                                          <p:attrName>ppt_x</p:attrName>
                                        </p:attrNameLst>
                                      </p:cBhvr>
                                      <p:tavLst>
                                        <p:tav tm="0">
                                          <p:val>
                                            <p:strVal val="#ppt_x"/>
                                          </p:val>
                                        </p:tav>
                                        <p:tav tm="100000">
                                          <p:val>
                                            <p:strVal val="#ppt_x"/>
                                          </p:val>
                                        </p:tav>
                                      </p:tavLst>
                                    </p:anim>
                                    <p:anim calcmode="lin" valueType="num">
                                      <p:cBhvr additive="base">
                                        <p:cTn id="76" dur="500" fill="hold"/>
                                        <p:tgtEl>
                                          <p:spTgt spid="195"/>
                                        </p:tgtEl>
                                        <p:attrNameLst>
                                          <p:attrName>ppt_y</p:attrName>
                                        </p:attrNameLst>
                                      </p:cBhvr>
                                      <p:tavLst>
                                        <p:tav tm="0">
                                          <p:val>
                                            <p:strVal val="1+#ppt_h/2"/>
                                          </p:val>
                                        </p:tav>
                                        <p:tav tm="100000">
                                          <p:val>
                                            <p:strVal val="#ppt_y"/>
                                          </p:val>
                                        </p:tav>
                                      </p:tavLst>
                                    </p:anim>
                                  </p:childTnLst>
                                </p:cTn>
                              </p:par>
                              <p:par>
                                <p:cTn id="77" presetID="2" presetClass="entr" presetSubtype="4" fill="hold" nodeType="withEffect">
                                  <p:stCondLst>
                                    <p:cond delay="0"/>
                                  </p:stCondLst>
                                  <p:childTnLst>
                                    <p:set>
                                      <p:cBhvr>
                                        <p:cTn id="78" dur="1" fill="hold">
                                          <p:stCondLst>
                                            <p:cond delay="0"/>
                                          </p:stCondLst>
                                        </p:cTn>
                                        <p:tgtEl>
                                          <p:spTgt spid="196"/>
                                        </p:tgtEl>
                                        <p:attrNameLst>
                                          <p:attrName>style.visibility</p:attrName>
                                        </p:attrNameLst>
                                      </p:cBhvr>
                                      <p:to>
                                        <p:strVal val="visible"/>
                                      </p:to>
                                    </p:set>
                                    <p:anim calcmode="lin" valueType="num">
                                      <p:cBhvr additive="base">
                                        <p:cTn id="79" dur="500" fill="hold"/>
                                        <p:tgtEl>
                                          <p:spTgt spid="196"/>
                                        </p:tgtEl>
                                        <p:attrNameLst>
                                          <p:attrName>ppt_x</p:attrName>
                                        </p:attrNameLst>
                                      </p:cBhvr>
                                      <p:tavLst>
                                        <p:tav tm="0">
                                          <p:val>
                                            <p:strVal val="#ppt_x"/>
                                          </p:val>
                                        </p:tav>
                                        <p:tav tm="100000">
                                          <p:val>
                                            <p:strVal val="#ppt_x"/>
                                          </p:val>
                                        </p:tav>
                                      </p:tavLst>
                                    </p:anim>
                                    <p:anim calcmode="lin" valueType="num">
                                      <p:cBhvr additive="base">
                                        <p:cTn id="80" dur="500" fill="hold"/>
                                        <p:tgtEl>
                                          <p:spTgt spid="196"/>
                                        </p:tgtEl>
                                        <p:attrNameLst>
                                          <p:attrName>ppt_y</p:attrName>
                                        </p:attrNameLst>
                                      </p:cBhvr>
                                      <p:tavLst>
                                        <p:tav tm="0">
                                          <p:val>
                                            <p:strVal val="1+#ppt_h/2"/>
                                          </p:val>
                                        </p:tav>
                                        <p:tav tm="100000">
                                          <p:val>
                                            <p:strVal val="#ppt_y"/>
                                          </p:val>
                                        </p:tav>
                                      </p:tavLst>
                                    </p:anim>
                                  </p:childTnLst>
                                </p:cTn>
                              </p:par>
                              <p:par>
                                <p:cTn id="81" presetID="2" presetClass="entr" presetSubtype="4" fill="hold" nodeType="withEffect">
                                  <p:stCondLst>
                                    <p:cond delay="0"/>
                                  </p:stCondLst>
                                  <p:childTnLst>
                                    <p:set>
                                      <p:cBhvr>
                                        <p:cTn id="82" dur="1" fill="hold">
                                          <p:stCondLst>
                                            <p:cond delay="0"/>
                                          </p:stCondLst>
                                        </p:cTn>
                                        <p:tgtEl>
                                          <p:spTgt spid="201"/>
                                        </p:tgtEl>
                                        <p:attrNameLst>
                                          <p:attrName>style.visibility</p:attrName>
                                        </p:attrNameLst>
                                      </p:cBhvr>
                                      <p:to>
                                        <p:strVal val="visible"/>
                                      </p:to>
                                    </p:set>
                                    <p:anim calcmode="lin" valueType="num">
                                      <p:cBhvr additive="base">
                                        <p:cTn id="83" dur="500" fill="hold"/>
                                        <p:tgtEl>
                                          <p:spTgt spid="201"/>
                                        </p:tgtEl>
                                        <p:attrNameLst>
                                          <p:attrName>ppt_x</p:attrName>
                                        </p:attrNameLst>
                                      </p:cBhvr>
                                      <p:tavLst>
                                        <p:tav tm="0">
                                          <p:val>
                                            <p:strVal val="#ppt_x"/>
                                          </p:val>
                                        </p:tav>
                                        <p:tav tm="100000">
                                          <p:val>
                                            <p:strVal val="#ppt_x"/>
                                          </p:val>
                                        </p:tav>
                                      </p:tavLst>
                                    </p:anim>
                                    <p:anim calcmode="lin" valueType="num">
                                      <p:cBhvr additive="base">
                                        <p:cTn id="84" dur="500" fill="hold"/>
                                        <p:tgtEl>
                                          <p:spTgt spid="201"/>
                                        </p:tgtEl>
                                        <p:attrNameLst>
                                          <p:attrName>ppt_y</p:attrName>
                                        </p:attrNameLst>
                                      </p:cBhvr>
                                      <p:tavLst>
                                        <p:tav tm="0">
                                          <p:val>
                                            <p:strVal val="1+#ppt_h/2"/>
                                          </p:val>
                                        </p:tav>
                                        <p:tav tm="100000">
                                          <p:val>
                                            <p:strVal val="#ppt_y"/>
                                          </p:val>
                                        </p:tav>
                                      </p:tavLst>
                                    </p:anim>
                                  </p:childTnLst>
                                </p:cTn>
                              </p:par>
                              <p:par>
                                <p:cTn id="85" presetID="2" presetClass="entr" presetSubtype="4" fill="hold" nodeType="withEffect">
                                  <p:stCondLst>
                                    <p:cond delay="0"/>
                                  </p:stCondLst>
                                  <p:childTnLst>
                                    <p:set>
                                      <p:cBhvr>
                                        <p:cTn id="86" dur="1" fill="hold">
                                          <p:stCondLst>
                                            <p:cond delay="0"/>
                                          </p:stCondLst>
                                        </p:cTn>
                                        <p:tgtEl>
                                          <p:spTgt spid="203"/>
                                        </p:tgtEl>
                                        <p:attrNameLst>
                                          <p:attrName>style.visibility</p:attrName>
                                        </p:attrNameLst>
                                      </p:cBhvr>
                                      <p:to>
                                        <p:strVal val="visible"/>
                                      </p:to>
                                    </p:set>
                                    <p:anim calcmode="lin" valueType="num">
                                      <p:cBhvr additive="base">
                                        <p:cTn id="87" dur="500" fill="hold"/>
                                        <p:tgtEl>
                                          <p:spTgt spid="203"/>
                                        </p:tgtEl>
                                        <p:attrNameLst>
                                          <p:attrName>ppt_x</p:attrName>
                                        </p:attrNameLst>
                                      </p:cBhvr>
                                      <p:tavLst>
                                        <p:tav tm="0">
                                          <p:val>
                                            <p:strVal val="#ppt_x"/>
                                          </p:val>
                                        </p:tav>
                                        <p:tav tm="100000">
                                          <p:val>
                                            <p:strVal val="#ppt_x"/>
                                          </p:val>
                                        </p:tav>
                                      </p:tavLst>
                                    </p:anim>
                                    <p:anim calcmode="lin" valueType="num">
                                      <p:cBhvr additive="base">
                                        <p:cTn id="88" dur="500" fill="hold"/>
                                        <p:tgtEl>
                                          <p:spTgt spid="203"/>
                                        </p:tgtEl>
                                        <p:attrNameLst>
                                          <p:attrName>ppt_y</p:attrName>
                                        </p:attrNameLst>
                                      </p:cBhvr>
                                      <p:tavLst>
                                        <p:tav tm="0">
                                          <p:val>
                                            <p:strVal val="1+#ppt_h/2"/>
                                          </p:val>
                                        </p:tav>
                                        <p:tav tm="100000">
                                          <p:val>
                                            <p:strVal val="#ppt_y"/>
                                          </p:val>
                                        </p:tav>
                                      </p:tavLst>
                                    </p:anim>
                                  </p:childTnLst>
                                </p:cTn>
                              </p:par>
                              <p:par>
                                <p:cTn id="89" presetID="2" presetClass="entr" presetSubtype="4" fill="hold" nodeType="withEffect">
                                  <p:stCondLst>
                                    <p:cond delay="0"/>
                                  </p:stCondLst>
                                  <p:childTnLst>
                                    <p:set>
                                      <p:cBhvr>
                                        <p:cTn id="90" dur="1" fill="hold">
                                          <p:stCondLst>
                                            <p:cond delay="0"/>
                                          </p:stCondLst>
                                        </p:cTn>
                                        <p:tgtEl>
                                          <p:spTgt spid="90"/>
                                        </p:tgtEl>
                                        <p:attrNameLst>
                                          <p:attrName>style.visibility</p:attrName>
                                        </p:attrNameLst>
                                      </p:cBhvr>
                                      <p:to>
                                        <p:strVal val="visible"/>
                                      </p:to>
                                    </p:set>
                                    <p:anim calcmode="lin" valueType="num">
                                      <p:cBhvr additive="base">
                                        <p:cTn id="91" dur="500" fill="hold"/>
                                        <p:tgtEl>
                                          <p:spTgt spid="90"/>
                                        </p:tgtEl>
                                        <p:attrNameLst>
                                          <p:attrName>ppt_x</p:attrName>
                                        </p:attrNameLst>
                                      </p:cBhvr>
                                      <p:tavLst>
                                        <p:tav tm="0">
                                          <p:val>
                                            <p:strVal val="#ppt_x"/>
                                          </p:val>
                                        </p:tav>
                                        <p:tav tm="100000">
                                          <p:val>
                                            <p:strVal val="#ppt_x"/>
                                          </p:val>
                                        </p:tav>
                                      </p:tavLst>
                                    </p:anim>
                                    <p:anim calcmode="lin" valueType="num">
                                      <p:cBhvr additive="base">
                                        <p:cTn id="92" dur="500" fill="hold"/>
                                        <p:tgtEl>
                                          <p:spTgt spid="90"/>
                                        </p:tgtEl>
                                        <p:attrNameLst>
                                          <p:attrName>ppt_y</p:attrName>
                                        </p:attrNameLst>
                                      </p:cBhvr>
                                      <p:tavLst>
                                        <p:tav tm="0">
                                          <p:val>
                                            <p:strVal val="1+#ppt_h/2"/>
                                          </p:val>
                                        </p:tav>
                                        <p:tav tm="100000">
                                          <p:val>
                                            <p:strVal val="#ppt_y"/>
                                          </p:val>
                                        </p:tav>
                                      </p:tavLst>
                                    </p:anim>
                                  </p:childTnLst>
                                </p:cTn>
                              </p:par>
                              <p:par>
                                <p:cTn id="93" presetID="2" presetClass="entr" presetSubtype="4" fill="hold" nodeType="withEffect">
                                  <p:stCondLst>
                                    <p:cond delay="0"/>
                                  </p:stCondLst>
                                  <p:childTnLst>
                                    <p:set>
                                      <p:cBhvr>
                                        <p:cTn id="94" dur="1" fill="hold">
                                          <p:stCondLst>
                                            <p:cond delay="0"/>
                                          </p:stCondLst>
                                        </p:cTn>
                                        <p:tgtEl>
                                          <p:spTgt spid="103"/>
                                        </p:tgtEl>
                                        <p:attrNameLst>
                                          <p:attrName>style.visibility</p:attrName>
                                        </p:attrNameLst>
                                      </p:cBhvr>
                                      <p:to>
                                        <p:strVal val="visible"/>
                                      </p:to>
                                    </p:set>
                                    <p:anim calcmode="lin" valueType="num">
                                      <p:cBhvr additive="base">
                                        <p:cTn id="95" dur="500" fill="hold"/>
                                        <p:tgtEl>
                                          <p:spTgt spid="103"/>
                                        </p:tgtEl>
                                        <p:attrNameLst>
                                          <p:attrName>ppt_x</p:attrName>
                                        </p:attrNameLst>
                                      </p:cBhvr>
                                      <p:tavLst>
                                        <p:tav tm="0">
                                          <p:val>
                                            <p:strVal val="#ppt_x"/>
                                          </p:val>
                                        </p:tav>
                                        <p:tav tm="100000">
                                          <p:val>
                                            <p:strVal val="#ppt_x"/>
                                          </p:val>
                                        </p:tav>
                                      </p:tavLst>
                                    </p:anim>
                                    <p:anim calcmode="lin" valueType="num">
                                      <p:cBhvr additive="base">
                                        <p:cTn id="96" dur="500" fill="hold"/>
                                        <p:tgtEl>
                                          <p:spTgt spid="103"/>
                                        </p:tgtEl>
                                        <p:attrNameLst>
                                          <p:attrName>ppt_y</p:attrName>
                                        </p:attrNameLst>
                                      </p:cBhvr>
                                      <p:tavLst>
                                        <p:tav tm="0">
                                          <p:val>
                                            <p:strVal val="1+#ppt_h/2"/>
                                          </p:val>
                                        </p:tav>
                                        <p:tav tm="100000">
                                          <p:val>
                                            <p:strVal val="#ppt_y"/>
                                          </p:val>
                                        </p:tav>
                                      </p:tavLst>
                                    </p:anim>
                                  </p:childTnLst>
                                </p:cTn>
                              </p:par>
                              <p:par>
                                <p:cTn id="97" presetID="2" presetClass="entr" presetSubtype="4" fill="hold" grpId="0" nodeType="withEffect">
                                  <p:stCondLst>
                                    <p:cond delay="0"/>
                                  </p:stCondLst>
                                  <p:childTnLst>
                                    <p:set>
                                      <p:cBhvr>
                                        <p:cTn id="98" dur="1" fill="hold">
                                          <p:stCondLst>
                                            <p:cond delay="0"/>
                                          </p:stCondLst>
                                        </p:cTn>
                                        <p:tgtEl>
                                          <p:spTgt spid="151"/>
                                        </p:tgtEl>
                                        <p:attrNameLst>
                                          <p:attrName>style.visibility</p:attrName>
                                        </p:attrNameLst>
                                      </p:cBhvr>
                                      <p:to>
                                        <p:strVal val="visible"/>
                                      </p:to>
                                    </p:set>
                                    <p:anim calcmode="lin" valueType="num">
                                      <p:cBhvr additive="base">
                                        <p:cTn id="99" dur="500" fill="hold"/>
                                        <p:tgtEl>
                                          <p:spTgt spid="151"/>
                                        </p:tgtEl>
                                        <p:attrNameLst>
                                          <p:attrName>ppt_x</p:attrName>
                                        </p:attrNameLst>
                                      </p:cBhvr>
                                      <p:tavLst>
                                        <p:tav tm="0">
                                          <p:val>
                                            <p:strVal val="#ppt_x"/>
                                          </p:val>
                                        </p:tav>
                                        <p:tav tm="100000">
                                          <p:val>
                                            <p:strVal val="#ppt_x"/>
                                          </p:val>
                                        </p:tav>
                                      </p:tavLst>
                                    </p:anim>
                                    <p:anim calcmode="lin" valueType="num">
                                      <p:cBhvr additive="base">
                                        <p:cTn id="100" dur="500" fill="hold"/>
                                        <p:tgtEl>
                                          <p:spTgt spid="151"/>
                                        </p:tgtEl>
                                        <p:attrNameLst>
                                          <p:attrName>ppt_y</p:attrName>
                                        </p:attrNameLst>
                                      </p:cBhvr>
                                      <p:tavLst>
                                        <p:tav tm="0">
                                          <p:val>
                                            <p:strVal val="1+#ppt_h/2"/>
                                          </p:val>
                                        </p:tav>
                                        <p:tav tm="100000">
                                          <p:val>
                                            <p:strVal val="#ppt_y"/>
                                          </p:val>
                                        </p:tav>
                                      </p:tavLst>
                                    </p:anim>
                                  </p:childTnLst>
                                </p:cTn>
                              </p:par>
                              <p:par>
                                <p:cTn id="101" presetID="2" presetClass="entr" presetSubtype="4" fill="hold" grpId="0" nodeType="withEffect">
                                  <p:stCondLst>
                                    <p:cond delay="0"/>
                                  </p:stCondLst>
                                  <p:childTnLst>
                                    <p:set>
                                      <p:cBhvr>
                                        <p:cTn id="102" dur="1" fill="hold">
                                          <p:stCondLst>
                                            <p:cond delay="0"/>
                                          </p:stCondLst>
                                        </p:cTn>
                                        <p:tgtEl>
                                          <p:spTgt spid="152"/>
                                        </p:tgtEl>
                                        <p:attrNameLst>
                                          <p:attrName>style.visibility</p:attrName>
                                        </p:attrNameLst>
                                      </p:cBhvr>
                                      <p:to>
                                        <p:strVal val="visible"/>
                                      </p:to>
                                    </p:set>
                                    <p:anim calcmode="lin" valueType="num">
                                      <p:cBhvr additive="base">
                                        <p:cTn id="103" dur="500" fill="hold"/>
                                        <p:tgtEl>
                                          <p:spTgt spid="152"/>
                                        </p:tgtEl>
                                        <p:attrNameLst>
                                          <p:attrName>ppt_x</p:attrName>
                                        </p:attrNameLst>
                                      </p:cBhvr>
                                      <p:tavLst>
                                        <p:tav tm="0">
                                          <p:val>
                                            <p:strVal val="#ppt_x"/>
                                          </p:val>
                                        </p:tav>
                                        <p:tav tm="100000">
                                          <p:val>
                                            <p:strVal val="#ppt_x"/>
                                          </p:val>
                                        </p:tav>
                                      </p:tavLst>
                                    </p:anim>
                                    <p:anim calcmode="lin" valueType="num">
                                      <p:cBhvr additive="base">
                                        <p:cTn id="104" dur="500" fill="hold"/>
                                        <p:tgtEl>
                                          <p:spTgt spid="152"/>
                                        </p:tgtEl>
                                        <p:attrNameLst>
                                          <p:attrName>ppt_y</p:attrName>
                                        </p:attrNameLst>
                                      </p:cBhvr>
                                      <p:tavLst>
                                        <p:tav tm="0">
                                          <p:val>
                                            <p:strVal val="1+#ppt_h/2"/>
                                          </p:val>
                                        </p:tav>
                                        <p:tav tm="100000">
                                          <p:val>
                                            <p:strVal val="#ppt_y"/>
                                          </p:val>
                                        </p:tav>
                                      </p:tavLst>
                                    </p:anim>
                                  </p:childTnLst>
                                </p:cTn>
                              </p:par>
                              <p:par>
                                <p:cTn id="105" presetID="2" presetClass="entr" presetSubtype="4" fill="hold" grpId="0" nodeType="withEffect">
                                  <p:stCondLst>
                                    <p:cond delay="0"/>
                                  </p:stCondLst>
                                  <p:childTnLst>
                                    <p:set>
                                      <p:cBhvr>
                                        <p:cTn id="106" dur="1" fill="hold">
                                          <p:stCondLst>
                                            <p:cond delay="0"/>
                                          </p:stCondLst>
                                        </p:cTn>
                                        <p:tgtEl>
                                          <p:spTgt spid="155"/>
                                        </p:tgtEl>
                                        <p:attrNameLst>
                                          <p:attrName>style.visibility</p:attrName>
                                        </p:attrNameLst>
                                      </p:cBhvr>
                                      <p:to>
                                        <p:strVal val="visible"/>
                                      </p:to>
                                    </p:set>
                                    <p:anim calcmode="lin" valueType="num">
                                      <p:cBhvr additive="base">
                                        <p:cTn id="107" dur="500" fill="hold"/>
                                        <p:tgtEl>
                                          <p:spTgt spid="155"/>
                                        </p:tgtEl>
                                        <p:attrNameLst>
                                          <p:attrName>ppt_x</p:attrName>
                                        </p:attrNameLst>
                                      </p:cBhvr>
                                      <p:tavLst>
                                        <p:tav tm="0">
                                          <p:val>
                                            <p:strVal val="#ppt_x"/>
                                          </p:val>
                                        </p:tav>
                                        <p:tav tm="100000">
                                          <p:val>
                                            <p:strVal val="#ppt_x"/>
                                          </p:val>
                                        </p:tav>
                                      </p:tavLst>
                                    </p:anim>
                                    <p:anim calcmode="lin" valueType="num">
                                      <p:cBhvr additive="base">
                                        <p:cTn id="108" dur="500" fill="hold"/>
                                        <p:tgtEl>
                                          <p:spTgt spid="155"/>
                                        </p:tgtEl>
                                        <p:attrNameLst>
                                          <p:attrName>ppt_y</p:attrName>
                                        </p:attrNameLst>
                                      </p:cBhvr>
                                      <p:tavLst>
                                        <p:tav tm="0">
                                          <p:val>
                                            <p:strVal val="1+#ppt_h/2"/>
                                          </p:val>
                                        </p:tav>
                                        <p:tav tm="100000">
                                          <p:val>
                                            <p:strVal val="#ppt_y"/>
                                          </p:val>
                                        </p:tav>
                                      </p:tavLst>
                                    </p:anim>
                                  </p:childTnLst>
                                </p:cTn>
                              </p:par>
                              <p:par>
                                <p:cTn id="109" presetID="2" presetClass="entr" presetSubtype="4" fill="hold" grpId="0" nodeType="withEffect">
                                  <p:stCondLst>
                                    <p:cond delay="0"/>
                                  </p:stCondLst>
                                  <p:childTnLst>
                                    <p:set>
                                      <p:cBhvr>
                                        <p:cTn id="110" dur="1" fill="hold">
                                          <p:stCondLst>
                                            <p:cond delay="0"/>
                                          </p:stCondLst>
                                        </p:cTn>
                                        <p:tgtEl>
                                          <p:spTgt spid="156"/>
                                        </p:tgtEl>
                                        <p:attrNameLst>
                                          <p:attrName>style.visibility</p:attrName>
                                        </p:attrNameLst>
                                      </p:cBhvr>
                                      <p:to>
                                        <p:strVal val="visible"/>
                                      </p:to>
                                    </p:set>
                                    <p:anim calcmode="lin" valueType="num">
                                      <p:cBhvr additive="base">
                                        <p:cTn id="111" dur="500" fill="hold"/>
                                        <p:tgtEl>
                                          <p:spTgt spid="156"/>
                                        </p:tgtEl>
                                        <p:attrNameLst>
                                          <p:attrName>ppt_x</p:attrName>
                                        </p:attrNameLst>
                                      </p:cBhvr>
                                      <p:tavLst>
                                        <p:tav tm="0">
                                          <p:val>
                                            <p:strVal val="#ppt_x"/>
                                          </p:val>
                                        </p:tav>
                                        <p:tav tm="100000">
                                          <p:val>
                                            <p:strVal val="#ppt_x"/>
                                          </p:val>
                                        </p:tav>
                                      </p:tavLst>
                                    </p:anim>
                                    <p:anim calcmode="lin" valueType="num">
                                      <p:cBhvr additive="base">
                                        <p:cTn id="112" dur="500" fill="hold"/>
                                        <p:tgtEl>
                                          <p:spTgt spid="156"/>
                                        </p:tgtEl>
                                        <p:attrNameLst>
                                          <p:attrName>ppt_y</p:attrName>
                                        </p:attrNameLst>
                                      </p:cBhvr>
                                      <p:tavLst>
                                        <p:tav tm="0">
                                          <p:val>
                                            <p:strVal val="1+#ppt_h/2"/>
                                          </p:val>
                                        </p:tav>
                                        <p:tav tm="100000">
                                          <p:val>
                                            <p:strVal val="#ppt_y"/>
                                          </p:val>
                                        </p:tav>
                                      </p:tavLst>
                                    </p:anim>
                                  </p:childTnLst>
                                </p:cTn>
                              </p:par>
                              <p:par>
                                <p:cTn id="113" presetID="2" presetClass="entr" presetSubtype="4" fill="hold" grpId="0" nodeType="withEffect">
                                  <p:stCondLst>
                                    <p:cond delay="0"/>
                                  </p:stCondLst>
                                  <p:childTnLst>
                                    <p:set>
                                      <p:cBhvr>
                                        <p:cTn id="114" dur="1" fill="hold">
                                          <p:stCondLst>
                                            <p:cond delay="0"/>
                                          </p:stCondLst>
                                        </p:cTn>
                                        <p:tgtEl>
                                          <p:spTgt spid="157"/>
                                        </p:tgtEl>
                                        <p:attrNameLst>
                                          <p:attrName>style.visibility</p:attrName>
                                        </p:attrNameLst>
                                      </p:cBhvr>
                                      <p:to>
                                        <p:strVal val="visible"/>
                                      </p:to>
                                    </p:set>
                                    <p:anim calcmode="lin" valueType="num">
                                      <p:cBhvr additive="base">
                                        <p:cTn id="115" dur="500" fill="hold"/>
                                        <p:tgtEl>
                                          <p:spTgt spid="157"/>
                                        </p:tgtEl>
                                        <p:attrNameLst>
                                          <p:attrName>ppt_x</p:attrName>
                                        </p:attrNameLst>
                                      </p:cBhvr>
                                      <p:tavLst>
                                        <p:tav tm="0">
                                          <p:val>
                                            <p:strVal val="#ppt_x"/>
                                          </p:val>
                                        </p:tav>
                                        <p:tav tm="100000">
                                          <p:val>
                                            <p:strVal val="#ppt_x"/>
                                          </p:val>
                                        </p:tav>
                                      </p:tavLst>
                                    </p:anim>
                                    <p:anim calcmode="lin" valueType="num">
                                      <p:cBhvr additive="base">
                                        <p:cTn id="116" dur="500" fill="hold"/>
                                        <p:tgtEl>
                                          <p:spTgt spid="157"/>
                                        </p:tgtEl>
                                        <p:attrNameLst>
                                          <p:attrName>ppt_y</p:attrName>
                                        </p:attrNameLst>
                                      </p:cBhvr>
                                      <p:tavLst>
                                        <p:tav tm="0">
                                          <p:val>
                                            <p:strVal val="1+#ppt_h/2"/>
                                          </p:val>
                                        </p:tav>
                                        <p:tav tm="100000">
                                          <p:val>
                                            <p:strVal val="#ppt_y"/>
                                          </p:val>
                                        </p:tav>
                                      </p:tavLst>
                                    </p:anim>
                                  </p:childTnLst>
                                </p:cTn>
                              </p:par>
                              <p:par>
                                <p:cTn id="117" presetID="2" presetClass="entr" presetSubtype="4" fill="hold" grpId="0" nodeType="withEffect">
                                  <p:stCondLst>
                                    <p:cond delay="0"/>
                                  </p:stCondLst>
                                  <p:childTnLst>
                                    <p:set>
                                      <p:cBhvr>
                                        <p:cTn id="118" dur="1" fill="hold">
                                          <p:stCondLst>
                                            <p:cond delay="0"/>
                                          </p:stCondLst>
                                        </p:cTn>
                                        <p:tgtEl>
                                          <p:spTgt spid="158"/>
                                        </p:tgtEl>
                                        <p:attrNameLst>
                                          <p:attrName>style.visibility</p:attrName>
                                        </p:attrNameLst>
                                      </p:cBhvr>
                                      <p:to>
                                        <p:strVal val="visible"/>
                                      </p:to>
                                    </p:set>
                                    <p:anim calcmode="lin" valueType="num">
                                      <p:cBhvr additive="base">
                                        <p:cTn id="119" dur="500" fill="hold"/>
                                        <p:tgtEl>
                                          <p:spTgt spid="158"/>
                                        </p:tgtEl>
                                        <p:attrNameLst>
                                          <p:attrName>ppt_x</p:attrName>
                                        </p:attrNameLst>
                                      </p:cBhvr>
                                      <p:tavLst>
                                        <p:tav tm="0">
                                          <p:val>
                                            <p:strVal val="#ppt_x"/>
                                          </p:val>
                                        </p:tav>
                                        <p:tav tm="100000">
                                          <p:val>
                                            <p:strVal val="#ppt_x"/>
                                          </p:val>
                                        </p:tav>
                                      </p:tavLst>
                                    </p:anim>
                                    <p:anim calcmode="lin" valueType="num">
                                      <p:cBhvr additive="base">
                                        <p:cTn id="120" dur="500" fill="hold"/>
                                        <p:tgtEl>
                                          <p:spTgt spid="158"/>
                                        </p:tgtEl>
                                        <p:attrNameLst>
                                          <p:attrName>ppt_y</p:attrName>
                                        </p:attrNameLst>
                                      </p:cBhvr>
                                      <p:tavLst>
                                        <p:tav tm="0">
                                          <p:val>
                                            <p:strVal val="1+#ppt_h/2"/>
                                          </p:val>
                                        </p:tav>
                                        <p:tav tm="100000">
                                          <p:val>
                                            <p:strVal val="#ppt_y"/>
                                          </p:val>
                                        </p:tav>
                                      </p:tavLst>
                                    </p:anim>
                                  </p:childTnLst>
                                </p:cTn>
                              </p:par>
                            </p:childTnLst>
                          </p:cTn>
                        </p:par>
                      </p:childTnLst>
                    </p:cTn>
                  </p:par>
                  <p:par>
                    <p:cTn id="121" fill="hold">
                      <p:stCondLst>
                        <p:cond delay="indefinite"/>
                      </p:stCondLst>
                      <p:childTnLst>
                        <p:par>
                          <p:cTn id="122" fill="hold">
                            <p:stCondLst>
                              <p:cond delay="0"/>
                            </p:stCondLst>
                            <p:childTnLst>
                              <p:par>
                                <p:cTn id="123" presetID="10" presetClass="exit" presetSubtype="0" fill="hold" grpId="1" nodeType="clickEffect">
                                  <p:stCondLst>
                                    <p:cond delay="0"/>
                                  </p:stCondLst>
                                  <p:childTnLst>
                                    <p:animEffect transition="out" filter="fade">
                                      <p:cBhvr>
                                        <p:cTn id="124" dur="500"/>
                                        <p:tgtEl>
                                          <p:spTgt spid="151"/>
                                        </p:tgtEl>
                                      </p:cBhvr>
                                    </p:animEffect>
                                    <p:set>
                                      <p:cBhvr>
                                        <p:cTn id="125" dur="1" fill="hold">
                                          <p:stCondLst>
                                            <p:cond delay="499"/>
                                          </p:stCondLst>
                                        </p:cTn>
                                        <p:tgtEl>
                                          <p:spTgt spid="151"/>
                                        </p:tgtEl>
                                        <p:attrNameLst>
                                          <p:attrName>style.visibility</p:attrName>
                                        </p:attrNameLst>
                                      </p:cBhvr>
                                      <p:to>
                                        <p:strVal val="hidden"/>
                                      </p:to>
                                    </p:set>
                                  </p:childTnLst>
                                </p:cTn>
                              </p:par>
                              <p:par>
                                <p:cTn id="126" presetID="10" presetClass="exit" presetSubtype="0" fill="hold" grpId="1" nodeType="withEffect">
                                  <p:stCondLst>
                                    <p:cond delay="0"/>
                                  </p:stCondLst>
                                  <p:childTnLst>
                                    <p:animEffect transition="out" filter="fade">
                                      <p:cBhvr>
                                        <p:cTn id="127" dur="500"/>
                                        <p:tgtEl>
                                          <p:spTgt spid="152"/>
                                        </p:tgtEl>
                                      </p:cBhvr>
                                    </p:animEffect>
                                    <p:set>
                                      <p:cBhvr>
                                        <p:cTn id="128" dur="1" fill="hold">
                                          <p:stCondLst>
                                            <p:cond delay="499"/>
                                          </p:stCondLst>
                                        </p:cTn>
                                        <p:tgtEl>
                                          <p:spTgt spid="152"/>
                                        </p:tgtEl>
                                        <p:attrNameLst>
                                          <p:attrName>style.visibility</p:attrName>
                                        </p:attrNameLst>
                                      </p:cBhvr>
                                      <p:to>
                                        <p:strVal val="hidden"/>
                                      </p:to>
                                    </p:set>
                                  </p:childTnLst>
                                </p:cTn>
                              </p:par>
                              <p:par>
                                <p:cTn id="129" presetID="10" presetClass="exit" presetSubtype="0" fill="hold" grpId="1" nodeType="withEffect">
                                  <p:stCondLst>
                                    <p:cond delay="0"/>
                                  </p:stCondLst>
                                  <p:childTnLst>
                                    <p:animEffect transition="out" filter="fade">
                                      <p:cBhvr>
                                        <p:cTn id="130" dur="500"/>
                                        <p:tgtEl>
                                          <p:spTgt spid="155"/>
                                        </p:tgtEl>
                                      </p:cBhvr>
                                    </p:animEffect>
                                    <p:set>
                                      <p:cBhvr>
                                        <p:cTn id="131" dur="1" fill="hold">
                                          <p:stCondLst>
                                            <p:cond delay="499"/>
                                          </p:stCondLst>
                                        </p:cTn>
                                        <p:tgtEl>
                                          <p:spTgt spid="155"/>
                                        </p:tgtEl>
                                        <p:attrNameLst>
                                          <p:attrName>style.visibility</p:attrName>
                                        </p:attrNameLst>
                                      </p:cBhvr>
                                      <p:to>
                                        <p:strVal val="hidden"/>
                                      </p:to>
                                    </p:set>
                                  </p:childTnLst>
                                </p:cTn>
                              </p:par>
                              <p:par>
                                <p:cTn id="132" presetID="10" presetClass="exit" presetSubtype="0" fill="hold" grpId="1" nodeType="withEffect">
                                  <p:stCondLst>
                                    <p:cond delay="0"/>
                                  </p:stCondLst>
                                  <p:childTnLst>
                                    <p:animEffect transition="out" filter="fade">
                                      <p:cBhvr>
                                        <p:cTn id="133" dur="500"/>
                                        <p:tgtEl>
                                          <p:spTgt spid="156"/>
                                        </p:tgtEl>
                                      </p:cBhvr>
                                    </p:animEffect>
                                    <p:set>
                                      <p:cBhvr>
                                        <p:cTn id="134" dur="1" fill="hold">
                                          <p:stCondLst>
                                            <p:cond delay="499"/>
                                          </p:stCondLst>
                                        </p:cTn>
                                        <p:tgtEl>
                                          <p:spTgt spid="156"/>
                                        </p:tgtEl>
                                        <p:attrNameLst>
                                          <p:attrName>style.visibility</p:attrName>
                                        </p:attrNameLst>
                                      </p:cBhvr>
                                      <p:to>
                                        <p:strVal val="hidden"/>
                                      </p:to>
                                    </p:set>
                                  </p:childTnLst>
                                </p:cTn>
                              </p:par>
                              <p:par>
                                <p:cTn id="135" presetID="10" presetClass="exit" presetSubtype="0" fill="hold" grpId="1" nodeType="withEffect">
                                  <p:stCondLst>
                                    <p:cond delay="0"/>
                                  </p:stCondLst>
                                  <p:childTnLst>
                                    <p:animEffect transition="out" filter="fade">
                                      <p:cBhvr>
                                        <p:cTn id="136" dur="500"/>
                                        <p:tgtEl>
                                          <p:spTgt spid="157"/>
                                        </p:tgtEl>
                                      </p:cBhvr>
                                    </p:animEffect>
                                    <p:set>
                                      <p:cBhvr>
                                        <p:cTn id="137" dur="1" fill="hold">
                                          <p:stCondLst>
                                            <p:cond delay="499"/>
                                          </p:stCondLst>
                                        </p:cTn>
                                        <p:tgtEl>
                                          <p:spTgt spid="157"/>
                                        </p:tgtEl>
                                        <p:attrNameLst>
                                          <p:attrName>style.visibility</p:attrName>
                                        </p:attrNameLst>
                                      </p:cBhvr>
                                      <p:to>
                                        <p:strVal val="hidden"/>
                                      </p:to>
                                    </p:set>
                                  </p:childTnLst>
                                </p:cTn>
                              </p:par>
                              <p:par>
                                <p:cTn id="138" presetID="10" presetClass="exit" presetSubtype="0" fill="hold" grpId="1" nodeType="withEffect">
                                  <p:stCondLst>
                                    <p:cond delay="0"/>
                                  </p:stCondLst>
                                  <p:childTnLst>
                                    <p:animEffect transition="out" filter="fade">
                                      <p:cBhvr>
                                        <p:cTn id="139" dur="500"/>
                                        <p:tgtEl>
                                          <p:spTgt spid="158"/>
                                        </p:tgtEl>
                                      </p:cBhvr>
                                    </p:animEffect>
                                    <p:set>
                                      <p:cBhvr>
                                        <p:cTn id="140" dur="1" fill="hold">
                                          <p:stCondLst>
                                            <p:cond delay="499"/>
                                          </p:stCondLst>
                                        </p:cTn>
                                        <p:tgtEl>
                                          <p:spTgt spid="158"/>
                                        </p:tgtEl>
                                        <p:attrNameLst>
                                          <p:attrName>style.visibility</p:attrName>
                                        </p:attrNameLst>
                                      </p:cBhvr>
                                      <p:to>
                                        <p:strVal val="hidden"/>
                                      </p:to>
                                    </p:set>
                                  </p:childTnLst>
                                </p:cTn>
                              </p:par>
                              <p:par>
                                <p:cTn id="141" presetID="10" presetClass="entr" presetSubtype="0" fill="hold" grpId="0" nodeType="withEffect">
                                  <p:stCondLst>
                                    <p:cond delay="0"/>
                                  </p:stCondLst>
                                  <p:childTnLst>
                                    <p:set>
                                      <p:cBhvr>
                                        <p:cTn id="142" dur="1" fill="hold">
                                          <p:stCondLst>
                                            <p:cond delay="0"/>
                                          </p:stCondLst>
                                        </p:cTn>
                                        <p:tgtEl>
                                          <p:spTgt spid="116"/>
                                        </p:tgtEl>
                                        <p:attrNameLst>
                                          <p:attrName>style.visibility</p:attrName>
                                        </p:attrNameLst>
                                      </p:cBhvr>
                                      <p:to>
                                        <p:strVal val="visible"/>
                                      </p:to>
                                    </p:set>
                                    <p:animEffect transition="in" filter="fade">
                                      <p:cBhvr>
                                        <p:cTn id="143" dur="500"/>
                                        <p:tgtEl>
                                          <p:spTgt spid="116"/>
                                        </p:tgtEl>
                                      </p:cBhvr>
                                    </p:animEffect>
                                  </p:childTnLst>
                                </p:cTn>
                              </p:par>
                              <p:par>
                                <p:cTn id="144" presetID="10" presetClass="entr" presetSubtype="0" fill="hold" grpId="0" nodeType="withEffect">
                                  <p:stCondLst>
                                    <p:cond delay="0"/>
                                  </p:stCondLst>
                                  <p:childTnLst>
                                    <p:set>
                                      <p:cBhvr>
                                        <p:cTn id="145" dur="1" fill="hold">
                                          <p:stCondLst>
                                            <p:cond delay="0"/>
                                          </p:stCondLst>
                                        </p:cTn>
                                        <p:tgtEl>
                                          <p:spTgt spid="117"/>
                                        </p:tgtEl>
                                        <p:attrNameLst>
                                          <p:attrName>style.visibility</p:attrName>
                                        </p:attrNameLst>
                                      </p:cBhvr>
                                      <p:to>
                                        <p:strVal val="visible"/>
                                      </p:to>
                                    </p:set>
                                    <p:animEffect transition="in" filter="fade">
                                      <p:cBhvr>
                                        <p:cTn id="146" dur="500"/>
                                        <p:tgtEl>
                                          <p:spTgt spid="117"/>
                                        </p:tgtEl>
                                      </p:cBhvr>
                                    </p:animEffect>
                                  </p:childTnLst>
                                </p:cTn>
                              </p:par>
                              <p:par>
                                <p:cTn id="147" presetID="10" presetClass="entr" presetSubtype="0" fill="hold" grpId="0" nodeType="withEffect">
                                  <p:stCondLst>
                                    <p:cond delay="0"/>
                                  </p:stCondLst>
                                  <p:childTnLst>
                                    <p:set>
                                      <p:cBhvr>
                                        <p:cTn id="148" dur="1" fill="hold">
                                          <p:stCondLst>
                                            <p:cond delay="0"/>
                                          </p:stCondLst>
                                        </p:cTn>
                                        <p:tgtEl>
                                          <p:spTgt spid="118"/>
                                        </p:tgtEl>
                                        <p:attrNameLst>
                                          <p:attrName>style.visibility</p:attrName>
                                        </p:attrNameLst>
                                      </p:cBhvr>
                                      <p:to>
                                        <p:strVal val="visible"/>
                                      </p:to>
                                    </p:set>
                                    <p:animEffect transition="in" filter="fade">
                                      <p:cBhvr>
                                        <p:cTn id="149" dur="500"/>
                                        <p:tgtEl>
                                          <p:spTgt spid="118"/>
                                        </p:tgtEl>
                                      </p:cBhvr>
                                    </p:animEffect>
                                  </p:childTnLst>
                                </p:cTn>
                              </p:par>
                              <p:par>
                                <p:cTn id="150" presetID="10" presetClass="entr" presetSubtype="0" fill="hold" grpId="0" nodeType="withEffect">
                                  <p:stCondLst>
                                    <p:cond delay="0"/>
                                  </p:stCondLst>
                                  <p:childTnLst>
                                    <p:set>
                                      <p:cBhvr>
                                        <p:cTn id="151" dur="1" fill="hold">
                                          <p:stCondLst>
                                            <p:cond delay="0"/>
                                          </p:stCondLst>
                                        </p:cTn>
                                        <p:tgtEl>
                                          <p:spTgt spid="119"/>
                                        </p:tgtEl>
                                        <p:attrNameLst>
                                          <p:attrName>style.visibility</p:attrName>
                                        </p:attrNameLst>
                                      </p:cBhvr>
                                      <p:to>
                                        <p:strVal val="visible"/>
                                      </p:to>
                                    </p:set>
                                    <p:animEffect transition="in" filter="fade">
                                      <p:cBhvr>
                                        <p:cTn id="152" dur="500"/>
                                        <p:tgtEl>
                                          <p:spTgt spid="119"/>
                                        </p:tgtEl>
                                      </p:cBhvr>
                                    </p:animEffect>
                                  </p:childTnLst>
                                </p:cTn>
                              </p:par>
                              <p:par>
                                <p:cTn id="153" presetID="10" presetClass="entr" presetSubtype="0" fill="hold" grpId="0" nodeType="withEffect">
                                  <p:stCondLst>
                                    <p:cond delay="0"/>
                                  </p:stCondLst>
                                  <p:childTnLst>
                                    <p:set>
                                      <p:cBhvr>
                                        <p:cTn id="154" dur="1" fill="hold">
                                          <p:stCondLst>
                                            <p:cond delay="0"/>
                                          </p:stCondLst>
                                        </p:cTn>
                                        <p:tgtEl>
                                          <p:spTgt spid="120"/>
                                        </p:tgtEl>
                                        <p:attrNameLst>
                                          <p:attrName>style.visibility</p:attrName>
                                        </p:attrNameLst>
                                      </p:cBhvr>
                                      <p:to>
                                        <p:strVal val="visible"/>
                                      </p:to>
                                    </p:set>
                                    <p:animEffect transition="in" filter="fade">
                                      <p:cBhvr>
                                        <p:cTn id="155" dur="500"/>
                                        <p:tgtEl>
                                          <p:spTgt spid="120"/>
                                        </p:tgtEl>
                                      </p:cBhvr>
                                    </p:animEffect>
                                  </p:childTnLst>
                                </p:cTn>
                              </p:par>
                              <p:par>
                                <p:cTn id="156" presetID="10" presetClass="entr" presetSubtype="0" fill="hold" grpId="0" nodeType="withEffect">
                                  <p:stCondLst>
                                    <p:cond delay="0"/>
                                  </p:stCondLst>
                                  <p:childTnLst>
                                    <p:set>
                                      <p:cBhvr>
                                        <p:cTn id="157" dur="1" fill="hold">
                                          <p:stCondLst>
                                            <p:cond delay="0"/>
                                          </p:stCondLst>
                                        </p:cTn>
                                        <p:tgtEl>
                                          <p:spTgt spid="121"/>
                                        </p:tgtEl>
                                        <p:attrNameLst>
                                          <p:attrName>style.visibility</p:attrName>
                                        </p:attrNameLst>
                                      </p:cBhvr>
                                      <p:to>
                                        <p:strVal val="visible"/>
                                      </p:to>
                                    </p:set>
                                    <p:animEffect transition="in" filter="fade">
                                      <p:cBhvr>
                                        <p:cTn id="158" dur="500"/>
                                        <p:tgtEl>
                                          <p:spTgt spid="12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45" grpId="0" animBg="1"/>
      <p:bldP spid="147" grpId="0" animBg="1"/>
      <p:bldP spid="151" grpId="0"/>
      <p:bldP spid="151" grpId="1"/>
      <p:bldP spid="152" grpId="0"/>
      <p:bldP spid="152" grpId="1"/>
      <p:bldP spid="153" grpId="0" animBg="1"/>
      <p:bldP spid="154" grpId="0" animBg="1"/>
      <p:bldP spid="155" grpId="0"/>
      <p:bldP spid="155" grpId="1"/>
      <p:bldP spid="156" grpId="0"/>
      <p:bldP spid="156" grpId="1"/>
      <p:bldP spid="157" grpId="0"/>
      <p:bldP spid="157" grpId="1"/>
      <p:bldP spid="158" grpId="0"/>
      <p:bldP spid="158" grpId="1"/>
      <p:bldP spid="116" grpId="0"/>
      <p:bldP spid="117" grpId="0"/>
      <p:bldP spid="118" grpId="0"/>
      <p:bldP spid="119" grpId="0"/>
      <p:bldP spid="120" grpId="0"/>
      <p:bldP spid="121" grpId="0"/>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146AAC7-5248-B51D-F171-798FEDC2252E}"/>
              </a:ext>
            </a:extLst>
          </p:cNvPr>
          <p:cNvSpPr>
            <a:spLocks noGrp="1"/>
          </p:cNvSpPr>
          <p:nvPr>
            <p:ph type="title"/>
          </p:nvPr>
        </p:nvSpPr>
        <p:spPr/>
        <p:txBody>
          <a:bodyPr/>
          <a:lstStyle/>
          <a:p>
            <a:r>
              <a:rPr lang="en-NO" dirty="0"/>
              <a:t>Organisation unit hierarchy </a:t>
            </a:r>
          </a:p>
        </p:txBody>
      </p:sp>
      <p:sp>
        <p:nvSpPr>
          <p:cNvPr id="90" name="Rectangle: Rounded Corners 97">
            <a:extLst>
              <a:ext uri="{FF2B5EF4-FFF2-40B4-BE49-F238E27FC236}">
                <a16:creationId xmlns:a16="http://schemas.microsoft.com/office/drawing/2014/main" id="{B934CCB5-713D-4C09-1FC6-1EC941FF4CA6}"/>
              </a:ext>
            </a:extLst>
          </p:cNvPr>
          <p:cNvSpPr/>
          <p:nvPr/>
        </p:nvSpPr>
        <p:spPr>
          <a:xfrm>
            <a:off x="2589382" y="1901458"/>
            <a:ext cx="2574479"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dirty="0" err="1">
                <a:latin typeface="Rubik" pitchFamily="2" charset="-79"/>
                <a:cs typeface="Rubik" pitchFamily="2" charset="-79"/>
              </a:rPr>
              <a:t>Health</a:t>
            </a:r>
            <a:r>
              <a:rPr lang="es-ES" sz="2400" dirty="0">
                <a:latin typeface="Rubik" pitchFamily="2" charset="-79"/>
                <a:cs typeface="Rubik" pitchFamily="2" charset="-79"/>
              </a:rPr>
              <a:t> centers</a:t>
            </a:r>
          </a:p>
        </p:txBody>
      </p:sp>
      <p:sp>
        <p:nvSpPr>
          <p:cNvPr id="91" name="Rectangle: Rounded Corners 97">
            <a:extLst>
              <a:ext uri="{FF2B5EF4-FFF2-40B4-BE49-F238E27FC236}">
                <a16:creationId xmlns:a16="http://schemas.microsoft.com/office/drawing/2014/main" id="{A36C675C-4D70-964E-7861-73E6740C7BEE}"/>
              </a:ext>
            </a:extLst>
          </p:cNvPr>
          <p:cNvSpPr/>
          <p:nvPr/>
        </p:nvSpPr>
        <p:spPr>
          <a:xfrm>
            <a:off x="6921791" y="1901458"/>
            <a:ext cx="2574479"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dirty="0" err="1">
                <a:latin typeface="Rubik" pitchFamily="2" charset="-79"/>
                <a:cs typeface="Rubik" pitchFamily="2" charset="-79"/>
              </a:rPr>
              <a:t>Hospitals</a:t>
            </a:r>
            <a:endParaRPr lang="es-ES" sz="2400" dirty="0">
              <a:latin typeface="Rubik" pitchFamily="2" charset="-79"/>
              <a:cs typeface="Rubik" pitchFamily="2" charset="-79"/>
            </a:endParaRPr>
          </a:p>
        </p:txBody>
      </p:sp>
      <p:pic>
        <p:nvPicPr>
          <p:cNvPr id="92" name="Picture 91">
            <a:extLst>
              <a:ext uri="{FF2B5EF4-FFF2-40B4-BE49-F238E27FC236}">
                <a16:creationId xmlns:a16="http://schemas.microsoft.com/office/drawing/2014/main" id="{F98648EF-E776-5CEF-3E37-C285FD7C49D9}"/>
              </a:ext>
            </a:extLst>
          </p:cNvPr>
          <p:cNvPicPr>
            <a:picLocks noChangeAspect="1"/>
          </p:cNvPicPr>
          <p:nvPr/>
        </p:nvPicPr>
        <p:blipFill>
          <a:blip r:embed="rId4"/>
          <a:stretch>
            <a:fillRect/>
          </a:stretch>
        </p:blipFill>
        <p:spPr>
          <a:xfrm>
            <a:off x="3492393" y="3152525"/>
            <a:ext cx="768456" cy="637145"/>
          </a:xfrm>
          <a:prstGeom prst="rect">
            <a:avLst/>
          </a:prstGeom>
        </p:spPr>
      </p:pic>
      <p:pic>
        <p:nvPicPr>
          <p:cNvPr id="63" name="Picture 62">
            <a:extLst>
              <a:ext uri="{FF2B5EF4-FFF2-40B4-BE49-F238E27FC236}">
                <a16:creationId xmlns:a16="http://schemas.microsoft.com/office/drawing/2014/main" id="{061A61E8-4B67-7BDF-46D7-F7E0CBDA3809}"/>
              </a:ext>
            </a:extLst>
          </p:cNvPr>
          <p:cNvPicPr>
            <a:picLocks noChangeAspect="1"/>
          </p:cNvPicPr>
          <p:nvPr/>
        </p:nvPicPr>
        <p:blipFill>
          <a:blip r:embed="rId4"/>
          <a:stretch>
            <a:fillRect/>
          </a:stretch>
        </p:blipFill>
        <p:spPr>
          <a:xfrm>
            <a:off x="4948589" y="3152525"/>
            <a:ext cx="768456" cy="637145"/>
          </a:xfrm>
          <a:prstGeom prst="rect">
            <a:avLst/>
          </a:prstGeom>
        </p:spPr>
      </p:pic>
      <p:grpSp>
        <p:nvGrpSpPr>
          <p:cNvPr id="65" name="Group 64">
            <a:extLst>
              <a:ext uri="{FF2B5EF4-FFF2-40B4-BE49-F238E27FC236}">
                <a16:creationId xmlns:a16="http://schemas.microsoft.com/office/drawing/2014/main" id="{D802DB58-9229-DD7F-4D52-8111F13ECF56}"/>
              </a:ext>
            </a:extLst>
          </p:cNvPr>
          <p:cNvGrpSpPr/>
          <p:nvPr/>
        </p:nvGrpSpPr>
        <p:grpSpPr>
          <a:xfrm>
            <a:off x="7824802" y="3152525"/>
            <a:ext cx="768456" cy="627555"/>
            <a:chOff x="3882742" y="4116691"/>
            <a:chExt cx="768456" cy="627555"/>
          </a:xfrm>
        </p:grpSpPr>
        <p:sp>
          <p:nvSpPr>
            <p:cNvPr id="66" name="Free Form 3">
              <a:extLst>
                <a:ext uri="{FF2B5EF4-FFF2-40B4-BE49-F238E27FC236}">
                  <a16:creationId xmlns:a16="http://schemas.microsoft.com/office/drawing/2014/main" id="{C03B98B5-F330-78FE-4C6C-FFB6353F7236}"/>
                </a:ext>
              </a:extLst>
            </p:cNvPr>
            <p:cNvSpPr/>
            <p:nvPr/>
          </p:nvSpPr>
          <p:spPr>
            <a:xfrm>
              <a:off x="3915842" y="4116691"/>
              <a:ext cx="696990" cy="627373"/>
            </a:xfrm>
            <a:custGeom>
              <a:avLst/>
              <a:gdLst/>
              <a:ahLst/>
              <a:cxnLst/>
              <a:rect l="0" t="0" r="0" b="0"/>
              <a:pathLst>
                <a:path w="8818880" h="7854808">
                  <a:moveTo>
                    <a:pt x="8711635" y="3025422"/>
                  </a:moveTo>
                  <a:lnTo>
                    <a:pt x="6856871" y="3025422"/>
                  </a:lnTo>
                  <a:cubicBezTo>
                    <a:pt x="6797040" y="3025422"/>
                    <a:pt x="6749626" y="2976880"/>
                    <a:pt x="6749626" y="2918177"/>
                  </a:cubicBezTo>
                  <a:lnTo>
                    <a:pt x="6749626" y="107244"/>
                  </a:lnTo>
                  <a:cubicBezTo>
                    <a:pt x="6749626" y="47413"/>
                    <a:pt x="6701084" y="0"/>
                    <a:pt x="6642382" y="0"/>
                  </a:cubicBezTo>
                  <a:lnTo>
                    <a:pt x="6635608" y="0"/>
                  </a:lnTo>
                  <a:lnTo>
                    <a:pt x="2184400" y="0"/>
                  </a:lnTo>
                  <a:lnTo>
                    <a:pt x="2177626" y="0"/>
                  </a:lnTo>
                  <a:cubicBezTo>
                    <a:pt x="2117795" y="0"/>
                    <a:pt x="2070382" y="48542"/>
                    <a:pt x="2070382" y="107244"/>
                  </a:cubicBezTo>
                  <a:lnTo>
                    <a:pt x="2070382" y="2918177"/>
                  </a:lnTo>
                  <a:cubicBezTo>
                    <a:pt x="2070382" y="2978008"/>
                    <a:pt x="2021840" y="3025422"/>
                    <a:pt x="1963137" y="3025422"/>
                  </a:cubicBezTo>
                  <a:lnTo>
                    <a:pt x="107244" y="3025422"/>
                  </a:lnTo>
                  <a:cubicBezTo>
                    <a:pt x="47413" y="3025422"/>
                    <a:pt x="0" y="3073964"/>
                    <a:pt x="0" y="3132666"/>
                  </a:cubicBezTo>
                  <a:lnTo>
                    <a:pt x="0" y="7747564"/>
                  </a:lnTo>
                  <a:cubicBezTo>
                    <a:pt x="0" y="7807395"/>
                    <a:pt x="48542" y="7854808"/>
                    <a:pt x="107244" y="7854808"/>
                  </a:cubicBezTo>
                  <a:lnTo>
                    <a:pt x="2184400" y="7854808"/>
                  </a:lnTo>
                  <a:lnTo>
                    <a:pt x="6633351" y="7854808"/>
                  </a:lnTo>
                  <a:lnTo>
                    <a:pt x="8710506" y="7854808"/>
                  </a:lnTo>
                  <a:cubicBezTo>
                    <a:pt x="8770337" y="7854808"/>
                    <a:pt x="8817751" y="7806266"/>
                    <a:pt x="8817751" y="7747564"/>
                  </a:cubicBezTo>
                  <a:lnTo>
                    <a:pt x="8817751" y="3133795"/>
                  </a:lnTo>
                  <a:cubicBezTo>
                    <a:pt x="8818880" y="3073964"/>
                    <a:pt x="8770337" y="3025422"/>
                    <a:pt x="8711635" y="3025422"/>
                  </a:cubicBezTo>
                  <a:close/>
                </a:path>
              </a:pathLst>
            </a:custGeom>
            <a:solidFill>
              <a:srgbClr val="083370">
                <a:alpha val="100000"/>
              </a:srgbClr>
            </a:solidFill>
            <a:ln w="0" cap="flat" cmpd="sng">
              <a:noFill/>
              <a:prstDash val="solid"/>
              <a:miter lim="800000"/>
            </a:ln>
          </p:spPr>
          <p:txBody>
            <a:bodyPr anchor="ctr">
              <a:spAutoFit/>
            </a:bodyPr>
            <a:lstStyle/>
            <a:p>
              <a:pPr algn="ctr"/>
              <a:endParaRPr lang="en-US" dirty="0"/>
            </a:p>
          </p:txBody>
        </p:sp>
        <p:sp>
          <p:nvSpPr>
            <p:cNvPr id="67" name="Free Form 4">
              <a:extLst>
                <a:ext uri="{FF2B5EF4-FFF2-40B4-BE49-F238E27FC236}">
                  <a16:creationId xmlns:a16="http://schemas.microsoft.com/office/drawing/2014/main" id="{DD473CE8-BFF0-7B40-5ADF-BD8A42E3BBEC}"/>
                </a:ext>
              </a:extLst>
            </p:cNvPr>
            <p:cNvSpPr/>
            <p:nvPr/>
          </p:nvSpPr>
          <p:spPr>
            <a:xfrm>
              <a:off x="4199564" y="4225973"/>
              <a:ext cx="133831" cy="135249"/>
            </a:xfrm>
            <a:custGeom>
              <a:avLst/>
              <a:gdLst/>
              <a:ahLst/>
              <a:cxnLst/>
              <a:rect l="0" t="0" r="0" b="0"/>
              <a:pathLst>
                <a:path w="1693333" h="1693333">
                  <a:moveTo>
                    <a:pt x="1663982" y="570088"/>
                  </a:moveTo>
                  <a:lnTo>
                    <a:pt x="1152595" y="570088"/>
                  </a:lnTo>
                  <a:cubicBezTo>
                    <a:pt x="1136791" y="570088"/>
                    <a:pt x="1123244" y="556542"/>
                    <a:pt x="1123244" y="540737"/>
                  </a:cubicBezTo>
                  <a:lnTo>
                    <a:pt x="1123244" y="29351"/>
                  </a:lnTo>
                  <a:cubicBezTo>
                    <a:pt x="1123244" y="13546"/>
                    <a:pt x="1109686" y="0"/>
                    <a:pt x="1093893" y="0"/>
                  </a:cubicBezTo>
                  <a:lnTo>
                    <a:pt x="599440" y="0"/>
                  </a:lnTo>
                  <a:cubicBezTo>
                    <a:pt x="583635" y="0"/>
                    <a:pt x="570088" y="13546"/>
                    <a:pt x="570088" y="29351"/>
                  </a:cubicBezTo>
                  <a:lnTo>
                    <a:pt x="570088" y="540737"/>
                  </a:lnTo>
                  <a:cubicBezTo>
                    <a:pt x="570088" y="556542"/>
                    <a:pt x="556542" y="570088"/>
                    <a:pt x="540737" y="570088"/>
                  </a:cubicBezTo>
                  <a:lnTo>
                    <a:pt x="29351" y="570088"/>
                  </a:lnTo>
                  <a:cubicBezTo>
                    <a:pt x="13546" y="570088"/>
                    <a:pt x="0" y="583635"/>
                    <a:pt x="0" y="599440"/>
                  </a:cubicBezTo>
                  <a:lnTo>
                    <a:pt x="0" y="1093893"/>
                  </a:lnTo>
                  <a:cubicBezTo>
                    <a:pt x="0" y="1109697"/>
                    <a:pt x="13546" y="1123244"/>
                    <a:pt x="29351" y="1123244"/>
                  </a:cubicBezTo>
                  <a:lnTo>
                    <a:pt x="540737" y="1123244"/>
                  </a:lnTo>
                  <a:cubicBezTo>
                    <a:pt x="556542" y="1123244"/>
                    <a:pt x="570088" y="1136791"/>
                    <a:pt x="570088" y="1152595"/>
                  </a:cubicBezTo>
                  <a:lnTo>
                    <a:pt x="570088" y="1663982"/>
                  </a:lnTo>
                  <a:cubicBezTo>
                    <a:pt x="570088" y="1679786"/>
                    <a:pt x="583635" y="1693333"/>
                    <a:pt x="599440" y="1693333"/>
                  </a:cubicBezTo>
                  <a:lnTo>
                    <a:pt x="1093893" y="1693333"/>
                  </a:lnTo>
                  <a:cubicBezTo>
                    <a:pt x="1109686" y="1693333"/>
                    <a:pt x="1123244" y="1679786"/>
                    <a:pt x="1123244" y="1663982"/>
                  </a:cubicBezTo>
                  <a:lnTo>
                    <a:pt x="1123244" y="1152595"/>
                  </a:lnTo>
                  <a:cubicBezTo>
                    <a:pt x="1123244" y="1136791"/>
                    <a:pt x="1136791" y="1123244"/>
                    <a:pt x="1152595" y="1123244"/>
                  </a:cubicBezTo>
                  <a:lnTo>
                    <a:pt x="1663982" y="1123244"/>
                  </a:lnTo>
                  <a:cubicBezTo>
                    <a:pt x="1679775" y="1123244"/>
                    <a:pt x="1693333" y="1109697"/>
                    <a:pt x="1693333" y="1093893"/>
                  </a:cubicBezTo>
                  <a:lnTo>
                    <a:pt x="1693333" y="599440"/>
                  </a:lnTo>
                  <a:cubicBezTo>
                    <a:pt x="1693333" y="583635"/>
                    <a:pt x="1679775" y="570088"/>
                    <a:pt x="1663982" y="570088"/>
                  </a:cubicBezTo>
                  <a:close/>
                </a:path>
              </a:pathLst>
            </a:custGeom>
            <a:solidFill>
              <a:srgbClr val="FF8F02">
                <a:alpha val="100000"/>
              </a:srgbClr>
            </a:solidFill>
            <a:ln w="0" cap="flat" cmpd="sng">
              <a:noFill/>
              <a:prstDash val="solid"/>
              <a:miter lim="800000"/>
            </a:ln>
          </p:spPr>
          <p:txBody>
            <a:bodyPr anchor="ctr">
              <a:spAutoFit/>
            </a:bodyPr>
            <a:lstStyle/>
            <a:p>
              <a:pPr algn="ctr"/>
              <a:endParaRPr lang="en-US"/>
            </a:p>
          </p:txBody>
        </p:sp>
        <p:sp>
          <p:nvSpPr>
            <p:cNvPr id="68" name="Free Form 5">
              <a:extLst>
                <a:ext uri="{FF2B5EF4-FFF2-40B4-BE49-F238E27FC236}">
                  <a16:creationId xmlns:a16="http://schemas.microsoft.com/office/drawing/2014/main" id="{B042C956-24AB-3524-72A6-2D6698509D6F}"/>
                </a:ext>
              </a:extLst>
            </p:cNvPr>
            <p:cNvSpPr/>
            <p:nvPr/>
          </p:nvSpPr>
          <p:spPr>
            <a:xfrm>
              <a:off x="4222672" y="4563824"/>
              <a:ext cx="87525" cy="179610"/>
            </a:xfrm>
            <a:custGeom>
              <a:avLst/>
              <a:gdLst/>
              <a:ahLst/>
              <a:cxnLst/>
              <a:rect l="0" t="0" r="0" b="0"/>
              <a:pathLst>
                <a:path w="1107440" h="2248746">
                  <a:moveTo>
                    <a:pt x="1070186" y="2248746"/>
                  </a:moveTo>
                  <a:lnTo>
                    <a:pt x="36124" y="2248746"/>
                  </a:lnTo>
                  <a:cubicBezTo>
                    <a:pt x="15804" y="2248746"/>
                    <a:pt x="0" y="2231813"/>
                    <a:pt x="0" y="2212622"/>
                  </a:cubicBezTo>
                  <a:lnTo>
                    <a:pt x="0" y="36124"/>
                  </a:lnTo>
                  <a:cubicBezTo>
                    <a:pt x="0" y="15804"/>
                    <a:pt x="16933" y="0"/>
                    <a:pt x="36124" y="0"/>
                  </a:cubicBezTo>
                  <a:lnTo>
                    <a:pt x="1070186" y="0"/>
                  </a:lnTo>
                  <a:cubicBezTo>
                    <a:pt x="1090506" y="0"/>
                    <a:pt x="1106311" y="16933"/>
                    <a:pt x="1106311" y="36124"/>
                  </a:cubicBezTo>
                  <a:lnTo>
                    <a:pt x="1106311" y="2211493"/>
                  </a:lnTo>
                  <a:cubicBezTo>
                    <a:pt x="1107440" y="2231813"/>
                    <a:pt x="1090506" y="2248746"/>
                    <a:pt x="1070186" y="2248746"/>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69" name="Free Form 6">
              <a:extLst>
                <a:ext uri="{FF2B5EF4-FFF2-40B4-BE49-F238E27FC236}">
                  <a16:creationId xmlns:a16="http://schemas.microsoft.com/office/drawing/2014/main" id="{0AA67976-C11B-9745-FECC-203B18D04099}"/>
                </a:ext>
              </a:extLst>
            </p:cNvPr>
            <p:cNvSpPr/>
            <p:nvPr/>
          </p:nvSpPr>
          <p:spPr>
            <a:xfrm>
              <a:off x="4497917" y="4476092"/>
              <a:ext cx="53978" cy="44272"/>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70" name="Free Form 7">
              <a:extLst>
                <a:ext uri="{FF2B5EF4-FFF2-40B4-BE49-F238E27FC236}">
                  <a16:creationId xmlns:a16="http://schemas.microsoft.com/office/drawing/2014/main" id="{B9D0BE7B-E907-2DCB-3F3A-6C2C35683B07}"/>
                </a:ext>
              </a:extLst>
            </p:cNvPr>
            <p:cNvSpPr/>
            <p:nvPr/>
          </p:nvSpPr>
          <p:spPr>
            <a:xfrm>
              <a:off x="4497917" y="4540471"/>
              <a:ext cx="53978" cy="44271"/>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71" name="Free Form 8">
              <a:extLst>
                <a:ext uri="{FF2B5EF4-FFF2-40B4-BE49-F238E27FC236}">
                  <a16:creationId xmlns:a16="http://schemas.microsoft.com/office/drawing/2014/main" id="{639879C9-8A30-DF98-155B-968448380E45}"/>
                </a:ext>
              </a:extLst>
            </p:cNvPr>
            <p:cNvSpPr/>
            <p:nvPr/>
          </p:nvSpPr>
          <p:spPr>
            <a:xfrm>
              <a:off x="4422882" y="4476092"/>
              <a:ext cx="53978" cy="44272"/>
            </a:xfrm>
            <a:custGeom>
              <a:avLst/>
              <a:gdLst/>
              <a:ahLst/>
              <a:cxnLst/>
              <a:rect l="0" t="0" r="0" b="0"/>
              <a:pathLst>
                <a:path w="682977" h="554295">
                  <a:moveTo>
                    <a:pt x="646864" y="554295"/>
                  </a:moveTo>
                  <a:lnTo>
                    <a:pt x="36124" y="554295"/>
                  </a:lnTo>
                  <a:cubicBezTo>
                    <a:pt x="16933" y="554295"/>
                    <a:pt x="0" y="538491"/>
                    <a:pt x="0" y="518171"/>
                  </a:cubicBezTo>
                  <a:lnTo>
                    <a:pt x="0" y="36135"/>
                  </a:lnTo>
                  <a:cubicBezTo>
                    <a:pt x="0" y="16933"/>
                    <a:pt x="15815" y="0"/>
                    <a:pt x="36124" y="0"/>
                  </a:cubicBezTo>
                  <a:lnTo>
                    <a:pt x="646864" y="0"/>
                  </a:lnTo>
                  <a:cubicBezTo>
                    <a:pt x="666044" y="0"/>
                    <a:pt x="682977" y="15815"/>
                    <a:pt x="682977" y="36135"/>
                  </a:cubicBezTo>
                  <a:lnTo>
                    <a:pt x="682977" y="518171"/>
                  </a:lnTo>
                  <a:cubicBezTo>
                    <a:pt x="682977" y="538491"/>
                    <a:pt x="667184" y="554295"/>
                    <a:pt x="646864"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72" name="Free Form 9">
              <a:extLst>
                <a:ext uri="{FF2B5EF4-FFF2-40B4-BE49-F238E27FC236}">
                  <a16:creationId xmlns:a16="http://schemas.microsoft.com/office/drawing/2014/main" id="{25CA498D-F834-FD2A-6075-A5DCE871E2F1}"/>
                </a:ext>
              </a:extLst>
            </p:cNvPr>
            <p:cNvSpPr/>
            <p:nvPr/>
          </p:nvSpPr>
          <p:spPr>
            <a:xfrm>
              <a:off x="4422882" y="4540471"/>
              <a:ext cx="53978" cy="44271"/>
            </a:xfrm>
            <a:custGeom>
              <a:avLst/>
              <a:gdLst/>
              <a:ahLst/>
              <a:cxnLst/>
              <a:rect l="0" t="0" r="0" b="0"/>
              <a:pathLst>
                <a:path w="682977" h="554284">
                  <a:moveTo>
                    <a:pt x="646864" y="554284"/>
                  </a:moveTo>
                  <a:lnTo>
                    <a:pt x="36124" y="554284"/>
                  </a:lnTo>
                  <a:cubicBezTo>
                    <a:pt x="16933" y="554284"/>
                    <a:pt x="0" y="538491"/>
                    <a:pt x="0" y="518160"/>
                  </a:cubicBezTo>
                  <a:lnTo>
                    <a:pt x="0" y="36135"/>
                  </a:lnTo>
                  <a:cubicBezTo>
                    <a:pt x="0" y="16933"/>
                    <a:pt x="15815" y="0"/>
                    <a:pt x="36124" y="0"/>
                  </a:cubicBezTo>
                  <a:lnTo>
                    <a:pt x="646864" y="0"/>
                  </a:lnTo>
                  <a:cubicBezTo>
                    <a:pt x="666044" y="0"/>
                    <a:pt x="682977" y="15804"/>
                    <a:pt x="682977" y="36135"/>
                  </a:cubicBezTo>
                  <a:lnTo>
                    <a:pt x="682977" y="519288"/>
                  </a:lnTo>
                  <a:cubicBezTo>
                    <a:pt x="682977" y="538491"/>
                    <a:pt x="667184" y="554284"/>
                    <a:pt x="646864"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73" name="Free Form 10">
              <a:extLst>
                <a:ext uri="{FF2B5EF4-FFF2-40B4-BE49-F238E27FC236}">
                  <a16:creationId xmlns:a16="http://schemas.microsoft.com/office/drawing/2014/main" id="{D1BFD345-27D1-8F49-6873-3314E98E3FB7}"/>
                </a:ext>
              </a:extLst>
            </p:cNvPr>
            <p:cNvSpPr/>
            <p:nvPr/>
          </p:nvSpPr>
          <p:spPr>
            <a:xfrm>
              <a:off x="4048246" y="4476092"/>
              <a:ext cx="53978" cy="44272"/>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74" name="Free Form 11">
              <a:extLst>
                <a:ext uri="{FF2B5EF4-FFF2-40B4-BE49-F238E27FC236}">
                  <a16:creationId xmlns:a16="http://schemas.microsoft.com/office/drawing/2014/main" id="{3432D66D-88A5-3AB1-CA13-ABA5A1BB4C18}"/>
                </a:ext>
              </a:extLst>
            </p:cNvPr>
            <p:cNvSpPr/>
            <p:nvPr/>
          </p:nvSpPr>
          <p:spPr>
            <a:xfrm>
              <a:off x="4048246" y="4540471"/>
              <a:ext cx="53978" cy="44271"/>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75" name="Free Form 12">
              <a:extLst>
                <a:ext uri="{FF2B5EF4-FFF2-40B4-BE49-F238E27FC236}">
                  <a16:creationId xmlns:a16="http://schemas.microsoft.com/office/drawing/2014/main" id="{F272110C-B6A8-23BE-C556-1DFBF5D240AC}"/>
                </a:ext>
              </a:extLst>
            </p:cNvPr>
            <p:cNvSpPr/>
            <p:nvPr/>
          </p:nvSpPr>
          <p:spPr>
            <a:xfrm>
              <a:off x="3973212" y="4476092"/>
              <a:ext cx="53978" cy="44272"/>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2977" y="538491"/>
                    <a:pt x="667173"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76" name="Free Form 13">
              <a:extLst>
                <a:ext uri="{FF2B5EF4-FFF2-40B4-BE49-F238E27FC236}">
                  <a16:creationId xmlns:a16="http://schemas.microsoft.com/office/drawing/2014/main" id="{A636B3F1-9736-7F65-6010-5CB5EBC62404}"/>
                </a:ext>
              </a:extLst>
            </p:cNvPr>
            <p:cNvSpPr/>
            <p:nvPr/>
          </p:nvSpPr>
          <p:spPr>
            <a:xfrm>
              <a:off x="3973212" y="4540471"/>
              <a:ext cx="53978" cy="44271"/>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2977" y="538491"/>
                    <a:pt x="667173"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77" name="Free Form 14">
              <a:extLst>
                <a:ext uri="{FF2B5EF4-FFF2-40B4-BE49-F238E27FC236}">
                  <a16:creationId xmlns:a16="http://schemas.microsoft.com/office/drawing/2014/main" id="{DF562D0C-9B4D-BADE-116E-BADA9741926E}"/>
                </a:ext>
              </a:extLst>
            </p:cNvPr>
            <p:cNvSpPr/>
            <p:nvPr/>
          </p:nvSpPr>
          <p:spPr>
            <a:xfrm>
              <a:off x="3882742" y="4709983"/>
              <a:ext cx="768456" cy="34263"/>
            </a:xfrm>
            <a:custGeom>
              <a:avLst/>
              <a:gdLst/>
              <a:ahLst/>
              <a:cxnLst/>
              <a:rect l="0" t="0" r="0" b="0"/>
              <a:pathLst>
                <a:path w="9723120" h="428977">
                  <a:moveTo>
                    <a:pt x="9675706" y="428977"/>
                  </a:moveTo>
                  <a:lnTo>
                    <a:pt x="25964" y="428977"/>
                  </a:lnTo>
                  <a:cubicBezTo>
                    <a:pt x="0" y="428977"/>
                    <a:pt x="25964" y="407528"/>
                    <a:pt x="25964" y="381564"/>
                  </a:cubicBezTo>
                  <a:lnTo>
                    <a:pt x="25964" y="47413"/>
                  </a:lnTo>
                  <a:cubicBezTo>
                    <a:pt x="25964" y="21437"/>
                    <a:pt x="0" y="0"/>
                    <a:pt x="25964" y="0"/>
                  </a:cubicBezTo>
                  <a:lnTo>
                    <a:pt x="9675706" y="0"/>
                  </a:lnTo>
                  <a:cubicBezTo>
                    <a:pt x="9701671" y="0"/>
                    <a:pt x="9723120" y="21437"/>
                    <a:pt x="9723120" y="47413"/>
                  </a:cubicBezTo>
                  <a:lnTo>
                    <a:pt x="9723120" y="381564"/>
                  </a:lnTo>
                  <a:cubicBezTo>
                    <a:pt x="9723120" y="407528"/>
                    <a:pt x="9701671" y="428977"/>
                    <a:pt x="9675706" y="428977"/>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grpSp>
      <p:pic>
        <p:nvPicPr>
          <p:cNvPr id="64" name="Picture 63">
            <a:extLst>
              <a:ext uri="{FF2B5EF4-FFF2-40B4-BE49-F238E27FC236}">
                <a16:creationId xmlns:a16="http://schemas.microsoft.com/office/drawing/2014/main" id="{B263CB86-1CD8-BF1E-C6FC-329915B665A2}"/>
              </a:ext>
            </a:extLst>
          </p:cNvPr>
          <p:cNvPicPr>
            <a:picLocks noChangeAspect="1"/>
          </p:cNvPicPr>
          <p:nvPr/>
        </p:nvPicPr>
        <p:blipFill>
          <a:blip r:embed="rId4"/>
          <a:stretch>
            <a:fillRect/>
          </a:stretch>
        </p:blipFill>
        <p:spPr>
          <a:xfrm>
            <a:off x="1984431" y="3152525"/>
            <a:ext cx="768456" cy="637145"/>
          </a:xfrm>
          <a:prstGeom prst="rect">
            <a:avLst/>
          </a:prstGeom>
        </p:spPr>
      </p:pic>
      <p:grpSp>
        <p:nvGrpSpPr>
          <p:cNvPr id="99" name="Group 98">
            <a:extLst>
              <a:ext uri="{FF2B5EF4-FFF2-40B4-BE49-F238E27FC236}">
                <a16:creationId xmlns:a16="http://schemas.microsoft.com/office/drawing/2014/main" id="{23782FEF-772B-3CDE-8F75-7FA5A37A7807}"/>
              </a:ext>
            </a:extLst>
          </p:cNvPr>
          <p:cNvGrpSpPr/>
          <p:nvPr/>
        </p:nvGrpSpPr>
        <p:grpSpPr>
          <a:xfrm>
            <a:off x="6389350" y="3152525"/>
            <a:ext cx="768456" cy="627555"/>
            <a:chOff x="3882742" y="4116691"/>
            <a:chExt cx="768456" cy="627555"/>
          </a:xfrm>
        </p:grpSpPr>
        <p:sp>
          <p:nvSpPr>
            <p:cNvPr id="100" name="Free Form 3">
              <a:extLst>
                <a:ext uri="{FF2B5EF4-FFF2-40B4-BE49-F238E27FC236}">
                  <a16:creationId xmlns:a16="http://schemas.microsoft.com/office/drawing/2014/main" id="{E55C7226-032F-221F-1066-F759D2B91D40}"/>
                </a:ext>
              </a:extLst>
            </p:cNvPr>
            <p:cNvSpPr/>
            <p:nvPr/>
          </p:nvSpPr>
          <p:spPr>
            <a:xfrm>
              <a:off x="3915842" y="4116691"/>
              <a:ext cx="696990" cy="627373"/>
            </a:xfrm>
            <a:custGeom>
              <a:avLst/>
              <a:gdLst/>
              <a:ahLst/>
              <a:cxnLst/>
              <a:rect l="0" t="0" r="0" b="0"/>
              <a:pathLst>
                <a:path w="8818880" h="7854808">
                  <a:moveTo>
                    <a:pt x="8711635" y="3025422"/>
                  </a:moveTo>
                  <a:lnTo>
                    <a:pt x="6856871" y="3025422"/>
                  </a:lnTo>
                  <a:cubicBezTo>
                    <a:pt x="6797040" y="3025422"/>
                    <a:pt x="6749626" y="2976880"/>
                    <a:pt x="6749626" y="2918177"/>
                  </a:cubicBezTo>
                  <a:lnTo>
                    <a:pt x="6749626" y="107244"/>
                  </a:lnTo>
                  <a:cubicBezTo>
                    <a:pt x="6749626" y="47413"/>
                    <a:pt x="6701084" y="0"/>
                    <a:pt x="6642382" y="0"/>
                  </a:cubicBezTo>
                  <a:lnTo>
                    <a:pt x="6635608" y="0"/>
                  </a:lnTo>
                  <a:lnTo>
                    <a:pt x="2184400" y="0"/>
                  </a:lnTo>
                  <a:lnTo>
                    <a:pt x="2177626" y="0"/>
                  </a:lnTo>
                  <a:cubicBezTo>
                    <a:pt x="2117795" y="0"/>
                    <a:pt x="2070382" y="48542"/>
                    <a:pt x="2070382" y="107244"/>
                  </a:cubicBezTo>
                  <a:lnTo>
                    <a:pt x="2070382" y="2918177"/>
                  </a:lnTo>
                  <a:cubicBezTo>
                    <a:pt x="2070382" y="2978008"/>
                    <a:pt x="2021840" y="3025422"/>
                    <a:pt x="1963137" y="3025422"/>
                  </a:cubicBezTo>
                  <a:lnTo>
                    <a:pt x="107244" y="3025422"/>
                  </a:lnTo>
                  <a:cubicBezTo>
                    <a:pt x="47413" y="3025422"/>
                    <a:pt x="0" y="3073964"/>
                    <a:pt x="0" y="3132666"/>
                  </a:cubicBezTo>
                  <a:lnTo>
                    <a:pt x="0" y="7747564"/>
                  </a:lnTo>
                  <a:cubicBezTo>
                    <a:pt x="0" y="7807395"/>
                    <a:pt x="48542" y="7854808"/>
                    <a:pt x="107244" y="7854808"/>
                  </a:cubicBezTo>
                  <a:lnTo>
                    <a:pt x="2184400" y="7854808"/>
                  </a:lnTo>
                  <a:lnTo>
                    <a:pt x="6633351" y="7854808"/>
                  </a:lnTo>
                  <a:lnTo>
                    <a:pt x="8710506" y="7854808"/>
                  </a:lnTo>
                  <a:cubicBezTo>
                    <a:pt x="8770337" y="7854808"/>
                    <a:pt x="8817751" y="7806266"/>
                    <a:pt x="8817751" y="7747564"/>
                  </a:cubicBezTo>
                  <a:lnTo>
                    <a:pt x="8817751" y="3133795"/>
                  </a:lnTo>
                  <a:cubicBezTo>
                    <a:pt x="8818880" y="3073964"/>
                    <a:pt x="8770337" y="3025422"/>
                    <a:pt x="8711635" y="3025422"/>
                  </a:cubicBezTo>
                  <a:close/>
                </a:path>
              </a:pathLst>
            </a:custGeom>
            <a:solidFill>
              <a:srgbClr val="083370">
                <a:alpha val="100000"/>
              </a:srgbClr>
            </a:solidFill>
            <a:ln w="0" cap="flat" cmpd="sng">
              <a:noFill/>
              <a:prstDash val="solid"/>
              <a:miter lim="800000"/>
            </a:ln>
          </p:spPr>
          <p:txBody>
            <a:bodyPr anchor="ctr">
              <a:spAutoFit/>
            </a:bodyPr>
            <a:lstStyle/>
            <a:p>
              <a:pPr algn="ctr"/>
              <a:endParaRPr lang="en-US" dirty="0"/>
            </a:p>
          </p:txBody>
        </p:sp>
        <p:sp>
          <p:nvSpPr>
            <p:cNvPr id="101" name="Free Form 4">
              <a:extLst>
                <a:ext uri="{FF2B5EF4-FFF2-40B4-BE49-F238E27FC236}">
                  <a16:creationId xmlns:a16="http://schemas.microsoft.com/office/drawing/2014/main" id="{ED5EC911-E3F0-2DD8-17AF-718D4D22A091}"/>
                </a:ext>
              </a:extLst>
            </p:cNvPr>
            <p:cNvSpPr/>
            <p:nvPr/>
          </p:nvSpPr>
          <p:spPr>
            <a:xfrm>
              <a:off x="4199564" y="4225973"/>
              <a:ext cx="133831" cy="135249"/>
            </a:xfrm>
            <a:custGeom>
              <a:avLst/>
              <a:gdLst/>
              <a:ahLst/>
              <a:cxnLst/>
              <a:rect l="0" t="0" r="0" b="0"/>
              <a:pathLst>
                <a:path w="1693333" h="1693333">
                  <a:moveTo>
                    <a:pt x="1663982" y="570088"/>
                  </a:moveTo>
                  <a:lnTo>
                    <a:pt x="1152595" y="570088"/>
                  </a:lnTo>
                  <a:cubicBezTo>
                    <a:pt x="1136791" y="570088"/>
                    <a:pt x="1123244" y="556542"/>
                    <a:pt x="1123244" y="540737"/>
                  </a:cubicBezTo>
                  <a:lnTo>
                    <a:pt x="1123244" y="29351"/>
                  </a:lnTo>
                  <a:cubicBezTo>
                    <a:pt x="1123244" y="13546"/>
                    <a:pt x="1109686" y="0"/>
                    <a:pt x="1093893" y="0"/>
                  </a:cubicBezTo>
                  <a:lnTo>
                    <a:pt x="599440" y="0"/>
                  </a:lnTo>
                  <a:cubicBezTo>
                    <a:pt x="583635" y="0"/>
                    <a:pt x="570088" y="13546"/>
                    <a:pt x="570088" y="29351"/>
                  </a:cubicBezTo>
                  <a:lnTo>
                    <a:pt x="570088" y="540737"/>
                  </a:lnTo>
                  <a:cubicBezTo>
                    <a:pt x="570088" y="556542"/>
                    <a:pt x="556542" y="570088"/>
                    <a:pt x="540737" y="570088"/>
                  </a:cubicBezTo>
                  <a:lnTo>
                    <a:pt x="29351" y="570088"/>
                  </a:lnTo>
                  <a:cubicBezTo>
                    <a:pt x="13546" y="570088"/>
                    <a:pt x="0" y="583635"/>
                    <a:pt x="0" y="599440"/>
                  </a:cubicBezTo>
                  <a:lnTo>
                    <a:pt x="0" y="1093893"/>
                  </a:lnTo>
                  <a:cubicBezTo>
                    <a:pt x="0" y="1109697"/>
                    <a:pt x="13546" y="1123244"/>
                    <a:pt x="29351" y="1123244"/>
                  </a:cubicBezTo>
                  <a:lnTo>
                    <a:pt x="540737" y="1123244"/>
                  </a:lnTo>
                  <a:cubicBezTo>
                    <a:pt x="556542" y="1123244"/>
                    <a:pt x="570088" y="1136791"/>
                    <a:pt x="570088" y="1152595"/>
                  </a:cubicBezTo>
                  <a:lnTo>
                    <a:pt x="570088" y="1663982"/>
                  </a:lnTo>
                  <a:cubicBezTo>
                    <a:pt x="570088" y="1679786"/>
                    <a:pt x="583635" y="1693333"/>
                    <a:pt x="599440" y="1693333"/>
                  </a:cubicBezTo>
                  <a:lnTo>
                    <a:pt x="1093893" y="1693333"/>
                  </a:lnTo>
                  <a:cubicBezTo>
                    <a:pt x="1109686" y="1693333"/>
                    <a:pt x="1123244" y="1679786"/>
                    <a:pt x="1123244" y="1663982"/>
                  </a:cubicBezTo>
                  <a:lnTo>
                    <a:pt x="1123244" y="1152595"/>
                  </a:lnTo>
                  <a:cubicBezTo>
                    <a:pt x="1123244" y="1136791"/>
                    <a:pt x="1136791" y="1123244"/>
                    <a:pt x="1152595" y="1123244"/>
                  </a:cubicBezTo>
                  <a:lnTo>
                    <a:pt x="1663982" y="1123244"/>
                  </a:lnTo>
                  <a:cubicBezTo>
                    <a:pt x="1679775" y="1123244"/>
                    <a:pt x="1693333" y="1109697"/>
                    <a:pt x="1693333" y="1093893"/>
                  </a:cubicBezTo>
                  <a:lnTo>
                    <a:pt x="1693333" y="599440"/>
                  </a:lnTo>
                  <a:cubicBezTo>
                    <a:pt x="1693333" y="583635"/>
                    <a:pt x="1679775" y="570088"/>
                    <a:pt x="1663982" y="570088"/>
                  </a:cubicBezTo>
                  <a:close/>
                </a:path>
              </a:pathLst>
            </a:custGeom>
            <a:solidFill>
              <a:srgbClr val="FF8F02">
                <a:alpha val="100000"/>
              </a:srgbClr>
            </a:solidFill>
            <a:ln w="0" cap="flat" cmpd="sng">
              <a:noFill/>
              <a:prstDash val="solid"/>
              <a:miter lim="800000"/>
            </a:ln>
          </p:spPr>
          <p:txBody>
            <a:bodyPr anchor="ctr">
              <a:spAutoFit/>
            </a:bodyPr>
            <a:lstStyle/>
            <a:p>
              <a:pPr algn="ctr"/>
              <a:endParaRPr lang="en-US"/>
            </a:p>
          </p:txBody>
        </p:sp>
        <p:sp>
          <p:nvSpPr>
            <p:cNvPr id="102" name="Free Form 5">
              <a:extLst>
                <a:ext uri="{FF2B5EF4-FFF2-40B4-BE49-F238E27FC236}">
                  <a16:creationId xmlns:a16="http://schemas.microsoft.com/office/drawing/2014/main" id="{4D2538EA-6992-36ED-B6DF-34EEF464E781}"/>
                </a:ext>
              </a:extLst>
            </p:cNvPr>
            <p:cNvSpPr/>
            <p:nvPr/>
          </p:nvSpPr>
          <p:spPr>
            <a:xfrm>
              <a:off x="4222672" y="4563824"/>
              <a:ext cx="87525" cy="179610"/>
            </a:xfrm>
            <a:custGeom>
              <a:avLst/>
              <a:gdLst/>
              <a:ahLst/>
              <a:cxnLst/>
              <a:rect l="0" t="0" r="0" b="0"/>
              <a:pathLst>
                <a:path w="1107440" h="2248746">
                  <a:moveTo>
                    <a:pt x="1070186" y="2248746"/>
                  </a:moveTo>
                  <a:lnTo>
                    <a:pt x="36124" y="2248746"/>
                  </a:lnTo>
                  <a:cubicBezTo>
                    <a:pt x="15804" y="2248746"/>
                    <a:pt x="0" y="2231813"/>
                    <a:pt x="0" y="2212622"/>
                  </a:cubicBezTo>
                  <a:lnTo>
                    <a:pt x="0" y="36124"/>
                  </a:lnTo>
                  <a:cubicBezTo>
                    <a:pt x="0" y="15804"/>
                    <a:pt x="16933" y="0"/>
                    <a:pt x="36124" y="0"/>
                  </a:cubicBezTo>
                  <a:lnTo>
                    <a:pt x="1070186" y="0"/>
                  </a:lnTo>
                  <a:cubicBezTo>
                    <a:pt x="1090506" y="0"/>
                    <a:pt x="1106311" y="16933"/>
                    <a:pt x="1106311" y="36124"/>
                  </a:cubicBezTo>
                  <a:lnTo>
                    <a:pt x="1106311" y="2211493"/>
                  </a:lnTo>
                  <a:cubicBezTo>
                    <a:pt x="1107440" y="2231813"/>
                    <a:pt x="1090506" y="2248746"/>
                    <a:pt x="1070186" y="2248746"/>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03" name="Free Form 6">
              <a:extLst>
                <a:ext uri="{FF2B5EF4-FFF2-40B4-BE49-F238E27FC236}">
                  <a16:creationId xmlns:a16="http://schemas.microsoft.com/office/drawing/2014/main" id="{C5F10DBF-6468-80A9-4884-71F8BAEDFB4D}"/>
                </a:ext>
              </a:extLst>
            </p:cNvPr>
            <p:cNvSpPr/>
            <p:nvPr/>
          </p:nvSpPr>
          <p:spPr>
            <a:xfrm>
              <a:off x="4497917" y="4476092"/>
              <a:ext cx="53978" cy="44272"/>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04" name="Free Form 7">
              <a:extLst>
                <a:ext uri="{FF2B5EF4-FFF2-40B4-BE49-F238E27FC236}">
                  <a16:creationId xmlns:a16="http://schemas.microsoft.com/office/drawing/2014/main" id="{97A68458-07BA-E444-A104-E435845B53DD}"/>
                </a:ext>
              </a:extLst>
            </p:cNvPr>
            <p:cNvSpPr/>
            <p:nvPr/>
          </p:nvSpPr>
          <p:spPr>
            <a:xfrm>
              <a:off x="4497917" y="4540471"/>
              <a:ext cx="53978" cy="44271"/>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05" name="Free Form 8">
              <a:extLst>
                <a:ext uri="{FF2B5EF4-FFF2-40B4-BE49-F238E27FC236}">
                  <a16:creationId xmlns:a16="http://schemas.microsoft.com/office/drawing/2014/main" id="{0E1F7DB2-F61E-840F-AB58-524438674E17}"/>
                </a:ext>
              </a:extLst>
            </p:cNvPr>
            <p:cNvSpPr/>
            <p:nvPr/>
          </p:nvSpPr>
          <p:spPr>
            <a:xfrm>
              <a:off x="4422882" y="4476092"/>
              <a:ext cx="53978" cy="44272"/>
            </a:xfrm>
            <a:custGeom>
              <a:avLst/>
              <a:gdLst/>
              <a:ahLst/>
              <a:cxnLst/>
              <a:rect l="0" t="0" r="0" b="0"/>
              <a:pathLst>
                <a:path w="682977" h="554295">
                  <a:moveTo>
                    <a:pt x="646864" y="554295"/>
                  </a:moveTo>
                  <a:lnTo>
                    <a:pt x="36124" y="554295"/>
                  </a:lnTo>
                  <a:cubicBezTo>
                    <a:pt x="16933" y="554295"/>
                    <a:pt x="0" y="538491"/>
                    <a:pt x="0" y="518171"/>
                  </a:cubicBezTo>
                  <a:lnTo>
                    <a:pt x="0" y="36135"/>
                  </a:lnTo>
                  <a:cubicBezTo>
                    <a:pt x="0" y="16933"/>
                    <a:pt x="15815" y="0"/>
                    <a:pt x="36124" y="0"/>
                  </a:cubicBezTo>
                  <a:lnTo>
                    <a:pt x="646864" y="0"/>
                  </a:lnTo>
                  <a:cubicBezTo>
                    <a:pt x="666044" y="0"/>
                    <a:pt x="682977" y="15815"/>
                    <a:pt x="682977" y="36135"/>
                  </a:cubicBezTo>
                  <a:lnTo>
                    <a:pt x="682977" y="518171"/>
                  </a:lnTo>
                  <a:cubicBezTo>
                    <a:pt x="682977" y="538491"/>
                    <a:pt x="667184" y="554295"/>
                    <a:pt x="646864"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06" name="Free Form 9">
              <a:extLst>
                <a:ext uri="{FF2B5EF4-FFF2-40B4-BE49-F238E27FC236}">
                  <a16:creationId xmlns:a16="http://schemas.microsoft.com/office/drawing/2014/main" id="{5D1060D7-DA41-423D-F609-7F17B23B99AA}"/>
                </a:ext>
              </a:extLst>
            </p:cNvPr>
            <p:cNvSpPr/>
            <p:nvPr/>
          </p:nvSpPr>
          <p:spPr>
            <a:xfrm>
              <a:off x="4422882" y="4540471"/>
              <a:ext cx="53978" cy="44271"/>
            </a:xfrm>
            <a:custGeom>
              <a:avLst/>
              <a:gdLst/>
              <a:ahLst/>
              <a:cxnLst/>
              <a:rect l="0" t="0" r="0" b="0"/>
              <a:pathLst>
                <a:path w="682977" h="554284">
                  <a:moveTo>
                    <a:pt x="646864" y="554284"/>
                  </a:moveTo>
                  <a:lnTo>
                    <a:pt x="36124" y="554284"/>
                  </a:lnTo>
                  <a:cubicBezTo>
                    <a:pt x="16933" y="554284"/>
                    <a:pt x="0" y="538491"/>
                    <a:pt x="0" y="518160"/>
                  </a:cubicBezTo>
                  <a:lnTo>
                    <a:pt x="0" y="36135"/>
                  </a:lnTo>
                  <a:cubicBezTo>
                    <a:pt x="0" y="16933"/>
                    <a:pt x="15815" y="0"/>
                    <a:pt x="36124" y="0"/>
                  </a:cubicBezTo>
                  <a:lnTo>
                    <a:pt x="646864" y="0"/>
                  </a:lnTo>
                  <a:cubicBezTo>
                    <a:pt x="666044" y="0"/>
                    <a:pt x="682977" y="15804"/>
                    <a:pt x="682977" y="36135"/>
                  </a:cubicBezTo>
                  <a:lnTo>
                    <a:pt x="682977" y="519288"/>
                  </a:lnTo>
                  <a:cubicBezTo>
                    <a:pt x="682977" y="538491"/>
                    <a:pt x="667184" y="554284"/>
                    <a:pt x="646864"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07" name="Free Form 10">
              <a:extLst>
                <a:ext uri="{FF2B5EF4-FFF2-40B4-BE49-F238E27FC236}">
                  <a16:creationId xmlns:a16="http://schemas.microsoft.com/office/drawing/2014/main" id="{814B91F4-0B71-C056-0B0E-1A9CDE32B0B8}"/>
                </a:ext>
              </a:extLst>
            </p:cNvPr>
            <p:cNvSpPr/>
            <p:nvPr/>
          </p:nvSpPr>
          <p:spPr>
            <a:xfrm>
              <a:off x="4048246" y="4476092"/>
              <a:ext cx="53978" cy="44272"/>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08" name="Free Form 11">
              <a:extLst>
                <a:ext uri="{FF2B5EF4-FFF2-40B4-BE49-F238E27FC236}">
                  <a16:creationId xmlns:a16="http://schemas.microsoft.com/office/drawing/2014/main" id="{54AD8B8A-DDDD-6576-BEDC-1A744ADDB33C}"/>
                </a:ext>
              </a:extLst>
            </p:cNvPr>
            <p:cNvSpPr/>
            <p:nvPr/>
          </p:nvSpPr>
          <p:spPr>
            <a:xfrm>
              <a:off x="4048246" y="4540471"/>
              <a:ext cx="53978" cy="44271"/>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09" name="Free Form 12">
              <a:extLst>
                <a:ext uri="{FF2B5EF4-FFF2-40B4-BE49-F238E27FC236}">
                  <a16:creationId xmlns:a16="http://schemas.microsoft.com/office/drawing/2014/main" id="{ECD56839-5EB3-CAD6-4064-EF6D3DC19C04}"/>
                </a:ext>
              </a:extLst>
            </p:cNvPr>
            <p:cNvSpPr/>
            <p:nvPr/>
          </p:nvSpPr>
          <p:spPr>
            <a:xfrm>
              <a:off x="3973212" y="4476092"/>
              <a:ext cx="53978" cy="44272"/>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2977" y="538491"/>
                    <a:pt x="667173"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10" name="Free Form 13">
              <a:extLst>
                <a:ext uri="{FF2B5EF4-FFF2-40B4-BE49-F238E27FC236}">
                  <a16:creationId xmlns:a16="http://schemas.microsoft.com/office/drawing/2014/main" id="{55EA56A6-5E46-124C-02DB-BA64D266AA87}"/>
                </a:ext>
              </a:extLst>
            </p:cNvPr>
            <p:cNvSpPr/>
            <p:nvPr/>
          </p:nvSpPr>
          <p:spPr>
            <a:xfrm>
              <a:off x="3973212" y="4540471"/>
              <a:ext cx="53978" cy="44271"/>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2977" y="538491"/>
                    <a:pt x="667173"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11" name="Free Form 14">
              <a:extLst>
                <a:ext uri="{FF2B5EF4-FFF2-40B4-BE49-F238E27FC236}">
                  <a16:creationId xmlns:a16="http://schemas.microsoft.com/office/drawing/2014/main" id="{4C8215A0-D94C-F604-6B21-6097700D8698}"/>
                </a:ext>
              </a:extLst>
            </p:cNvPr>
            <p:cNvSpPr/>
            <p:nvPr/>
          </p:nvSpPr>
          <p:spPr>
            <a:xfrm>
              <a:off x="3882742" y="4709983"/>
              <a:ext cx="768456" cy="34263"/>
            </a:xfrm>
            <a:custGeom>
              <a:avLst/>
              <a:gdLst/>
              <a:ahLst/>
              <a:cxnLst/>
              <a:rect l="0" t="0" r="0" b="0"/>
              <a:pathLst>
                <a:path w="9723120" h="428977">
                  <a:moveTo>
                    <a:pt x="9675706" y="428977"/>
                  </a:moveTo>
                  <a:lnTo>
                    <a:pt x="25964" y="428977"/>
                  </a:lnTo>
                  <a:cubicBezTo>
                    <a:pt x="0" y="428977"/>
                    <a:pt x="25964" y="407528"/>
                    <a:pt x="25964" y="381564"/>
                  </a:cubicBezTo>
                  <a:lnTo>
                    <a:pt x="25964" y="47413"/>
                  </a:lnTo>
                  <a:cubicBezTo>
                    <a:pt x="25964" y="21437"/>
                    <a:pt x="0" y="0"/>
                    <a:pt x="25964" y="0"/>
                  </a:cubicBezTo>
                  <a:lnTo>
                    <a:pt x="9675706" y="0"/>
                  </a:lnTo>
                  <a:cubicBezTo>
                    <a:pt x="9701671" y="0"/>
                    <a:pt x="9723120" y="21437"/>
                    <a:pt x="9723120" y="47413"/>
                  </a:cubicBezTo>
                  <a:lnTo>
                    <a:pt x="9723120" y="381564"/>
                  </a:lnTo>
                  <a:cubicBezTo>
                    <a:pt x="9723120" y="407528"/>
                    <a:pt x="9701671" y="428977"/>
                    <a:pt x="9675706" y="428977"/>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grpSp>
      <p:grpSp>
        <p:nvGrpSpPr>
          <p:cNvPr id="112" name="Group 111">
            <a:extLst>
              <a:ext uri="{FF2B5EF4-FFF2-40B4-BE49-F238E27FC236}">
                <a16:creationId xmlns:a16="http://schemas.microsoft.com/office/drawing/2014/main" id="{A583B9BD-6EAB-0987-0A7D-D8D4B68FF3B0}"/>
              </a:ext>
            </a:extLst>
          </p:cNvPr>
          <p:cNvGrpSpPr/>
          <p:nvPr/>
        </p:nvGrpSpPr>
        <p:grpSpPr>
          <a:xfrm>
            <a:off x="9252700" y="3152525"/>
            <a:ext cx="768456" cy="627555"/>
            <a:chOff x="3882742" y="4116691"/>
            <a:chExt cx="768456" cy="627555"/>
          </a:xfrm>
        </p:grpSpPr>
        <p:sp>
          <p:nvSpPr>
            <p:cNvPr id="113" name="Free Form 3">
              <a:extLst>
                <a:ext uri="{FF2B5EF4-FFF2-40B4-BE49-F238E27FC236}">
                  <a16:creationId xmlns:a16="http://schemas.microsoft.com/office/drawing/2014/main" id="{2B24FF0C-B584-D88B-72F9-79D7F2F7D546}"/>
                </a:ext>
              </a:extLst>
            </p:cNvPr>
            <p:cNvSpPr/>
            <p:nvPr/>
          </p:nvSpPr>
          <p:spPr>
            <a:xfrm>
              <a:off x="3915842" y="4116691"/>
              <a:ext cx="696990" cy="627373"/>
            </a:xfrm>
            <a:custGeom>
              <a:avLst/>
              <a:gdLst/>
              <a:ahLst/>
              <a:cxnLst/>
              <a:rect l="0" t="0" r="0" b="0"/>
              <a:pathLst>
                <a:path w="8818880" h="7854808">
                  <a:moveTo>
                    <a:pt x="8711635" y="3025422"/>
                  </a:moveTo>
                  <a:lnTo>
                    <a:pt x="6856871" y="3025422"/>
                  </a:lnTo>
                  <a:cubicBezTo>
                    <a:pt x="6797040" y="3025422"/>
                    <a:pt x="6749626" y="2976880"/>
                    <a:pt x="6749626" y="2918177"/>
                  </a:cubicBezTo>
                  <a:lnTo>
                    <a:pt x="6749626" y="107244"/>
                  </a:lnTo>
                  <a:cubicBezTo>
                    <a:pt x="6749626" y="47413"/>
                    <a:pt x="6701084" y="0"/>
                    <a:pt x="6642382" y="0"/>
                  </a:cubicBezTo>
                  <a:lnTo>
                    <a:pt x="6635608" y="0"/>
                  </a:lnTo>
                  <a:lnTo>
                    <a:pt x="2184400" y="0"/>
                  </a:lnTo>
                  <a:lnTo>
                    <a:pt x="2177626" y="0"/>
                  </a:lnTo>
                  <a:cubicBezTo>
                    <a:pt x="2117795" y="0"/>
                    <a:pt x="2070382" y="48542"/>
                    <a:pt x="2070382" y="107244"/>
                  </a:cubicBezTo>
                  <a:lnTo>
                    <a:pt x="2070382" y="2918177"/>
                  </a:lnTo>
                  <a:cubicBezTo>
                    <a:pt x="2070382" y="2978008"/>
                    <a:pt x="2021840" y="3025422"/>
                    <a:pt x="1963137" y="3025422"/>
                  </a:cubicBezTo>
                  <a:lnTo>
                    <a:pt x="107244" y="3025422"/>
                  </a:lnTo>
                  <a:cubicBezTo>
                    <a:pt x="47413" y="3025422"/>
                    <a:pt x="0" y="3073964"/>
                    <a:pt x="0" y="3132666"/>
                  </a:cubicBezTo>
                  <a:lnTo>
                    <a:pt x="0" y="7747564"/>
                  </a:lnTo>
                  <a:cubicBezTo>
                    <a:pt x="0" y="7807395"/>
                    <a:pt x="48542" y="7854808"/>
                    <a:pt x="107244" y="7854808"/>
                  </a:cubicBezTo>
                  <a:lnTo>
                    <a:pt x="2184400" y="7854808"/>
                  </a:lnTo>
                  <a:lnTo>
                    <a:pt x="6633351" y="7854808"/>
                  </a:lnTo>
                  <a:lnTo>
                    <a:pt x="8710506" y="7854808"/>
                  </a:lnTo>
                  <a:cubicBezTo>
                    <a:pt x="8770337" y="7854808"/>
                    <a:pt x="8817751" y="7806266"/>
                    <a:pt x="8817751" y="7747564"/>
                  </a:cubicBezTo>
                  <a:lnTo>
                    <a:pt x="8817751" y="3133795"/>
                  </a:lnTo>
                  <a:cubicBezTo>
                    <a:pt x="8818880" y="3073964"/>
                    <a:pt x="8770337" y="3025422"/>
                    <a:pt x="8711635" y="3025422"/>
                  </a:cubicBezTo>
                  <a:close/>
                </a:path>
              </a:pathLst>
            </a:custGeom>
            <a:solidFill>
              <a:srgbClr val="083370">
                <a:alpha val="100000"/>
              </a:srgbClr>
            </a:solidFill>
            <a:ln w="0" cap="flat" cmpd="sng">
              <a:noFill/>
              <a:prstDash val="solid"/>
              <a:miter lim="800000"/>
            </a:ln>
          </p:spPr>
          <p:txBody>
            <a:bodyPr anchor="ctr">
              <a:spAutoFit/>
            </a:bodyPr>
            <a:lstStyle/>
            <a:p>
              <a:pPr algn="ctr"/>
              <a:endParaRPr lang="en-US" dirty="0"/>
            </a:p>
          </p:txBody>
        </p:sp>
        <p:sp>
          <p:nvSpPr>
            <p:cNvPr id="114" name="Free Form 4">
              <a:extLst>
                <a:ext uri="{FF2B5EF4-FFF2-40B4-BE49-F238E27FC236}">
                  <a16:creationId xmlns:a16="http://schemas.microsoft.com/office/drawing/2014/main" id="{82326B11-8CC7-730C-1535-57DA471B64EA}"/>
                </a:ext>
              </a:extLst>
            </p:cNvPr>
            <p:cNvSpPr/>
            <p:nvPr/>
          </p:nvSpPr>
          <p:spPr>
            <a:xfrm>
              <a:off x="4199564" y="4225973"/>
              <a:ext cx="133831" cy="135249"/>
            </a:xfrm>
            <a:custGeom>
              <a:avLst/>
              <a:gdLst/>
              <a:ahLst/>
              <a:cxnLst/>
              <a:rect l="0" t="0" r="0" b="0"/>
              <a:pathLst>
                <a:path w="1693333" h="1693333">
                  <a:moveTo>
                    <a:pt x="1663982" y="570088"/>
                  </a:moveTo>
                  <a:lnTo>
                    <a:pt x="1152595" y="570088"/>
                  </a:lnTo>
                  <a:cubicBezTo>
                    <a:pt x="1136791" y="570088"/>
                    <a:pt x="1123244" y="556542"/>
                    <a:pt x="1123244" y="540737"/>
                  </a:cubicBezTo>
                  <a:lnTo>
                    <a:pt x="1123244" y="29351"/>
                  </a:lnTo>
                  <a:cubicBezTo>
                    <a:pt x="1123244" y="13546"/>
                    <a:pt x="1109686" y="0"/>
                    <a:pt x="1093893" y="0"/>
                  </a:cubicBezTo>
                  <a:lnTo>
                    <a:pt x="599440" y="0"/>
                  </a:lnTo>
                  <a:cubicBezTo>
                    <a:pt x="583635" y="0"/>
                    <a:pt x="570088" y="13546"/>
                    <a:pt x="570088" y="29351"/>
                  </a:cubicBezTo>
                  <a:lnTo>
                    <a:pt x="570088" y="540737"/>
                  </a:lnTo>
                  <a:cubicBezTo>
                    <a:pt x="570088" y="556542"/>
                    <a:pt x="556542" y="570088"/>
                    <a:pt x="540737" y="570088"/>
                  </a:cubicBezTo>
                  <a:lnTo>
                    <a:pt x="29351" y="570088"/>
                  </a:lnTo>
                  <a:cubicBezTo>
                    <a:pt x="13546" y="570088"/>
                    <a:pt x="0" y="583635"/>
                    <a:pt x="0" y="599440"/>
                  </a:cubicBezTo>
                  <a:lnTo>
                    <a:pt x="0" y="1093893"/>
                  </a:lnTo>
                  <a:cubicBezTo>
                    <a:pt x="0" y="1109697"/>
                    <a:pt x="13546" y="1123244"/>
                    <a:pt x="29351" y="1123244"/>
                  </a:cubicBezTo>
                  <a:lnTo>
                    <a:pt x="540737" y="1123244"/>
                  </a:lnTo>
                  <a:cubicBezTo>
                    <a:pt x="556542" y="1123244"/>
                    <a:pt x="570088" y="1136791"/>
                    <a:pt x="570088" y="1152595"/>
                  </a:cubicBezTo>
                  <a:lnTo>
                    <a:pt x="570088" y="1663982"/>
                  </a:lnTo>
                  <a:cubicBezTo>
                    <a:pt x="570088" y="1679786"/>
                    <a:pt x="583635" y="1693333"/>
                    <a:pt x="599440" y="1693333"/>
                  </a:cubicBezTo>
                  <a:lnTo>
                    <a:pt x="1093893" y="1693333"/>
                  </a:lnTo>
                  <a:cubicBezTo>
                    <a:pt x="1109686" y="1693333"/>
                    <a:pt x="1123244" y="1679786"/>
                    <a:pt x="1123244" y="1663982"/>
                  </a:cubicBezTo>
                  <a:lnTo>
                    <a:pt x="1123244" y="1152595"/>
                  </a:lnTo>
                  <a:cubicBezTo>
                    <a:pt x="1123244" y="1136791"/>
                    <a:pt x="1136791" y="1123244"/>
                    <a:pt x="1152595" y="1123244"/>
                  </a:cubicBezTo>
                  <a:lnTo>
                    <a:pt x="1663982" y="1123244"/>
                  </a:lnTo>
                  <a:cubicBezTo>
                    <a:pt x="1679775" y="1123244"/>
                    <a:pt x="1693333" y="1109697"/>
                    <a:pt x="1693333" y="1093893"/>
                  </a:cubicBezTo>
                  <a:lnTo>
                    <a:pt x="1693333" y="599440"/>
                  </a:lnTo>
                  <a:cubicBezTo>
                    <a:pt x="1693333" y="583635"/>
                    <a:pt x="1679775" y="570088"/>
                    <a:pt x="1663982" y="570088"/>
                  </a:cubicBezTo>
                  <a:close/>
                </a:path>
              </a:pathLst>
            </a:custGeom>
            <a:solidFill>
              <a:srgbClr val="FF8F02">
                <a:alpha val="100000"/>
              </a:srgbClr>
            </a:solidFill>
            <a:ln w="0" cap="flat" cmpd="sng">
              <a:noFill/>
              <a:prstDash val="solid"/>
              <a:miter lim="800000"/>
            </a:ln>
          </p:spPr>
          <p:txBody>
            <a:bodyPr anchor="ctr">
              <a:spAutoFit/>
            </a:bodyPr>
            <a:lstStyle/>
            <a:p>
              <a:pPr algn="ctr"/>
              <a:endParaRPr lang="en-US"/>
            </a:p>
          </p:txBody>
        </p:sp>
        <p:sp>
          <p:nvSpPr>
            <p:cNvPr id="115" name="Free Form 5">
              <a:extLst>
                <a:ext uri="{FF2B5EF4-FFF2-40B4-BE49-F238E27FC236}">
                  <a16:creationId xmlns:a16="http://schemas.microsoft.com/office/drawing/2014/main" id="{47337366-9957-D1E0-D018-F4EBA0F0970C}"/>
                </a:ext>
              </a:extLst>
            </p:cNvPr>
            <p:cNvSpPr/>
            <p:nvPr/>
          </p:nvSpPr>
          <p:spPr>
            <a:xfrm>
              <a:off x="4222672" y="4563824"/>
              <a:ext cx="87525" cy="179610"/>
            </a:xfrm>
            <a:custGeom>
              <a:avLst/>
              <a:gdLst/>
              <a:ahLst/>
              <a:cxnLst/>
              <a:rect l="0" t="0" r="0" b="0"/>
              <a:pathLst>
                <a:path w="1107440" h="2248746">
                  <a:moveTo>
                    <a:pt x="1070186" y="2248746"/>
                  </a:moveTo>
                  <a:lnTo>
                    <a:pt x="36124" y="2248746"/>
                  </a:lnTo>
                  <a:cubicBezTo>
                    <a:pt x="15804" y="2248746"/>
                    <a:pt x="0" y="2231813"/>
                    <a:pt x="0" y="2212622"/>
                  </a:cubicBezTo>
                  <a:lnTo>
                    <a:pt x="0" y="36124"/>
                  </a:lnTo>
                  <a:cubicBezTo>
                    <a:pt x="0" y="15804"/>
                    <a:pt x="16933" y="0"/>
                    <a:pt x="36124" y="0"/>
                  </a:cubicBezTo>
                  <a:lnTo>
                    <a:pt x="1070186" y="0"/>
                  </a:lnTo>
                  <a:cubicBezTo>
                    <a:pt x="1090506" y="0"/>
                    <a:pt x="1106311" y="16933"/>
                    <a:pt x="1106311" y="36124"/>
                  </a:cubicBezTo>
                  <a:lnTo>
                    <a:pt x="1106311" y="2211493"/>
                  </a:lnTo>
                  <a:cubicBezTo>
                    <a:pt x="1107440" y="2231813"/>
                    <a:pt x="1090506" y="2248746"/>
                    <a:pt x="1070186" y="2248746"/>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16" name="Free Form 6">
              <a:extLst>
                <a:ext uri="{FF2B5EF4-FFF2-40B4-BE49-F238E27FC236}">
                  <a16:creationId xmlns:a16="http://schemas.microsoft.com/office/drawing/2014/main" id="{600C666C-0F98-B5C0-C68B-0700A5CE1DD2}"/>
                </a:ext>
              </a:extLst>
            </p:cNvPr>
            <p:cNvSpPr/>
            <p:nvPr/>
          </p:nvSpPr>
          <p:spPr>
            <a:xfrm>
              <a:off x="4497917" y="4476092"/>
              <a:ext cx="53978" cy="44272"/>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17" name="Free Form 7">
              <a:extLst>
                <a:ext uri="{FF2B5EF4-FFF2-40B4-BE49-F238E27FC236}">
                  <a16:creationId xmlns:a16="http://schemas.microsoft.com/office/drawing/2014/main" id="{29661C7B-7329-4223-D2DD-9FC0410CE8C5}"/>
                </a:ext>
              </a:extLst>
            </p:cNvPr>
            <p:cNvSpPr/>
            <p:nvPr/>
          </p:nvSpPr>
          <p:spPr>
            <a:xfrm>
              <a:off x="4497917" y="4540471"/>
              <a:ext cx="53978" cy="44271"/>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18" name="Free Form 8">
              <a:extLst>
                <a:ext uri="{FF2B5EF4-FFF2-40B4-BE49-F238E27FC236}">
                  <a16:creationId xmlns:a16="http://schemas.microsoft.com/office/drawing/2014/main" id="{CD534E98-2C5A-B9D0-F828-5DE95259F4D9}"/>
                </a:ext>
              </a:extLst>
            </p:cNvPr>
            <p:cNvSpPr/>
            <p:nvPr/>
          </p:nvSpPr>
          <p:spPr>
            <a:xfrm>
              <a:off x="4422882" y="4476092"/>
              <a:ext cx="53978" cy="44272"/>
            </a:xfrm>
            <a:custGeom>
              <a:avLst/>
              <a:gdLst/>
              <a:ahLst/>
              <a:cxnLst/>
              <a:rect l="0" t="0" r="0" b="0"/>
              <a:pathLst>
                <a:path w="682977" h="554295">
                  <a:moveTo>
                    <a:pt x="646864" y="554295"/>
                  </a:moveTo>
                  <a:lnTo>
                    <a:pt x="36124" y="554295"/>
                  </a:lnTo>
                  <a:cubicBezTo>
                    <a:pt x="16933" y="554295"/>
                    <a:pt x="0" y="538491"/>
                    <a:pt x="0" y="518171"/>
                  </a:cubicBezTo>
                  <a:lnTo>
                    <a:pt x="0" y="36135"/>
                  </a:lnTo>
                  <a:cubicBezTo>
                    <a:pt x="0" y="16933"/>
                    <a:pt x="15815" y="0"/>
                    <a:pt x="36124" y="0"/>
                  </a:cubicBezTo>
                  <a:lnTo>
                    <a:pt x="646864" y="0"/>
                  </a:lnTo>
                  <a:cubicBezTo>
                    <a:pt x="666044" y="0"/>
                    <a:pt x="682977" y="15815"/>
                    <a:pt x="682977" y="36135"/>
                  </a:cubicBezTo>
                  <a:lnTo>
                    <a:pt x="682977" y="518171"/>
                  </a:lnTo>
                  <a:cubicBezTo>
                    <a:pt x="682977" y="538491"/>
                    <a:pt x="667184" y="554295"/>
                    <a:pt x="646864"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19" name="Free Form 9">
              <a:extLst>
                <a:ext uri="{FF2B5EF4-FFF2-40B4-BE49-F238E27FC236}">
                  <a16:creationId xmlns:a16="http://schemas.microsoft.com/office/drawing/2014/main" id="{1F8575F1-A783-F300-DE82-90BD79F28917}"/>
                </a:ext>
              </a:extLst>
            </p:cNvPr>
            <p:cNvSpPr/>
            <p:nvPr/>
          </p:nvSpPr>
          <p:spPr>
            <a:xfrm>
              <a:off x="4422882" y="4540471"/>
              <a:ext cx="53978" cy="44271"/>
            </a:xfrm>
            <a:custGeom>
              <a:avLst/>
              <a:gdLst/>
              <a:ahLst/>
              <a:cxnLst/>
              <a:rect l="0" t="0" r="0" b="0"/>
              <a:pathLst>
                <a:path w="682977" h="554284">
                  <a:moveTo>
                    <a:pt x="646864" y="554284"/>
                  </a:moveTo>
                  <a:lnTo>
                    <a:pt x="36124" y="554284"/>
                  </a:lnTo>
                  <a:cubicBezTo>
                    <a:pt x="16933" y="554284"/>
                    <a:pt x="0" y="538491"/>
                    <a:pt x="0" y="518160"/>
                  </a:cubicBezTo>
                  <a:lnTo>
                    <a:pt x="0" y="36135"/>
                  </a:lnTo>
                  <a:cubicBezTo>
                    <a:pt x="0" y="16933"/>
                    <a:pt x="15815" y="0"/>
                    <a:pt x="36124" y="0"/>
                  </a:cubicBezTo>
                  <a:lnTo>
                    <a:pt x="646864" y="0"/>
                  </a:lnTo>
                  <a:cubicBezTo>
                    <a:pt x="666044" y="0"/>
                    <a:pt x="682977" y="15804"/>
                    <a:pt x="682977" y="36135"/>
                  </a:cubicBezTo>
                  <a:lnTo>
                    <a:pt x="682977" y="519288"/>
                  </a:lnTo>
                  <a:cubicBezTo>
                    <a:pt x="682977" y="538491"/>
                    <a:pt x="667184" y="554284"/>
                    <a:pt x="646864"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20" name="Free Form 10">
              <a:extLst>
                <a:ext uri="{FF2B5EF4-FFF2-40B4-BE49-F238E27FC236}">
                  <a16:creationId xmlns:a16="http://schemas.microsoft.com/office/drawing/2014/main" id="{A0CB08B0-457B-9162-CF85-12DA48A1C55B}"/>
                </a:ext>
              </a:extLst>
            </p:cNvPr>
            <p:cNvSpPr/>
            <p:nvPr/>
          </p:nvSpPr>
          <p:spPr>
            <a:xfrm>
              <a:off x="4048246" y="4476092"/>
              <a:ext cx="53978" cy="44272"/>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1848" y="538491"/>
                    <a:pt x="666044"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21" name="Free Form 11">
              <a:extLst>
                <a:ext uri="{FF2B5EF4-FFF2-40B4-BE49-F238E27FC236}">
                  <a16:creationId xmlns:a16="http://schemas.microsoft.com/office/drawing/2014/main" id="{20D0DE55-EBE8-3A8E-4337-64B5EB126201}"/>
                </a:ext>
              </a:extLst>
            </p:cNvPr>
            <p:cNvSpPr/>
            <p:nvPr/>
          </p:nvSpPr>
          <p:spPr>
            <a:xfrm>
              <a:off x="4048246" y="4540471"/>
              <a:ext cx="53978" cy="44271"/>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1848" y="538491"/>
                    <a:pt x="666044"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22" name="Free Form 12">
              <a:extLst>
                <a:ext uri="{FF2B5EF4-FFF2-40B4-BE49-F238E27FC236}">
                  <a16:creationId xmlns:a16="http://schemas.microsoft.com/office/drawing/2014/main" id="{4C941C8C-FFD3-C9A0-B5B1-379DC595AC46}"/>
                </a:ext>
              </a:extLst>
            </p:cNvPr>
            <p:cNvSpPr/>
            <p:nvPr/>
          </p:nvSpPr>
          <p:spPr>
            <a:xfrm>
              <a:off x="3973212" y="4476092"/>
              <a:ext cx="53978" cy="44272"/>
            </a:xfrm>
            <a:custGeom>
              <a:avLst/>
              <a:gdLst/>
              <a:ahLst/>
              <a:cxnLst/>
              <a:rect l="0" t="0" r="0" b="0"/>
              <a:pathLst>
                <a:path w="682977" h="554295">
                  <a:moveTo>
                    <a:pt x="646853" y="554295"/>
                  </a:moveTo>
                  <a:lnTo>
                    <a:pt x="36124" y="554295"/>
                  </a:lnTo>
                  <a:cubicBezTo>
                    <a:pt x="16933" y="554295"/>
                    <a:pt x="0" y="538491"/>
                    <a:pt x="0" y="518171"/>
                  </a:cubicBezTo>
                  <a:lnTo>
                    <a:pt x="0" y="36135"/>
                  </a:lnTo>
                  <a:cubicBezTo>
                    <a:pt x="0" y="16933"/>
                    <a:pt x="15804" y="0"/>
                    <a:pt x="36124" y="0"/>
                  </a:cubicBezTo>
                  <a:lnTo>
                    <a:pt x="646853" y="0"/>
                  </a:lnTo>
                  <a:cubicBezTo>
                    <a:pt x="666044" y="0"/>
                    <a:pt x="682977" y="15815"/>
                    <a:pt x="682977" y="36135"/>
                  </a:cubicBezTo>
                  <a:lnTo>
                    <a:pt x="682977" y="518171"/>
                  </a:lnTo>
                  <a:cubicBezTo>
                    <a:pt x="682977" y="538491"/>
                    <a:pt x="667173" y="554295"/>
                    <a:pt x="646853" y="554295"/>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23" name="Free Form 13">
              <a:extLst>
                <a:ext uri="{FF2B5EF4-FFF2-40B4-BE49-F238E27FC236}">
                  <a16:creationId xmlns:a16="http://schemas.microsoft.com/office/drawing/2014/main" id="{B1534F8E-3419-8B3A-FF3E-2AB3FE0F5FC1}"/>
                </a:ext>
              </a:extLst>
            </p:cNvPr>
            <p:cNvSpPr/>
            <p:nvPr/>
          </p:nvSpPr>
          <p:spPr>
            <a:xfrm>
              <a:off x="3973212" y="4540471"/>
              <a:ext cx="53978" cy="44271"/>
            </a:xfrm>
            <a:custGeom>
              <a:avLst/>
              <a:gdLst/>
              <a:ahLst/>
              <a:cxnLst/>
              <a:rect l="0" t="0" r="0" b="0"/>
              <a:pathLst>
                <a:path w="682977" h="554284">
                  <a:moveTo>
                    <a:pt x="646853" y="554284"/>
                  </a:moveTo>
                  <a:lnTo>
                    <a:pt x="36124" y="554284"/>
                  </a:lnTo>
                  <a:cubicBezTo>
                    <a:pt x="16933" y="554284"/>
                    <a:pt x="0" y="538491"/>
                    <a:pt x="0" y="518160"/>
                  </a:cubicBezTo>
                  <a:lnTo>
                    <a:pt x="0" y="36135"/>
                  </a:lnTo>
                  <a:cubicBezTo>
                    <a:pt x="0" y="16933"/>
                    <a:pt x="15804" y="0"/>
                    <a:pt x="36124" y="0"/>
                  </a:cubicBezTo>
                  <a:lnTo>
                    <a:pt x="646853" y="0"/>
                  </a:lnTo>
                  <a:cubicBezTo>
                    <a:pt x="666044" y="0"/>
                    <a:pt x="682977" y="15804"/>
                    <a:pt x="682977" y="36135"/>
                  </a:cubicBezTo>
                  <a:lnTo>
                    <a:pt x="682977" y="519288"/>
                  </a:lnTo>
                  <a:cubicBezTo>
                    <a:pt x="682977" y="538491"/>
                    <a:pt x="667173" y="554284"/>
                    <a:pt x="646853" y="554284"/>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sp>
          <p:nvSpPr>
            <p:cNvPr id="124" name="Free Form 14">
              <a:extLst>
                <a:ext uri="{FF2B5EF4-FFF2-40B4-BE49-F238E27FC236}">
                  <a16:creationId xmlns:a16="http://schemas.microsoft.com/office/drawing/2014/main" id="{94E7A6AE-3813-45BB-C2A5-C366B530714D}"/>
                </a:ext>
              </a:extLst>
            </p:cNvPr>
            <p:cNvSpPr/>
            <p:nvPr/>
          </p:nvSpPr>
          <p:spPr>
            <a:xfrm>
              <a:off x="3882742" y="4709983"/>
              <a:ext cx="768456" cy="34263"/>
            </a:xfrm>
            <a:custGeom>
              <a:avLst/>
              <a:gdLst/>
              <a:ahLst/>
              <a:cxnLst/>
              <a:rect l="0" t="0" r="0" b="0"/>
              <a:pathLst>
                <a:path w="9723120" h="428977">
                  <a:moveTo>
                    <a:pt x="9675706" y="428977"/>
                  </a:moveTo>
                  <a:lnTo>
                    <a:pt x="25964" y="428977"/>
                  </a:lnTo>
                  <a:cubicBezTo>
                    <a:pt x="0" y="428977"/>
                    <a:pt x="25964" y="407528"/>
                    <a:pt x="25964" y="381564"/>
                  </a:cubicBezTo>
                  <a:lnTo>
                    <a:pt x="25964" y="47413"/>
                  </a:lnTo>
                  <a:cubicBezTo>
                    <a:pt x="25964" y="21437"/>
                    <a:pt x="0" y="0"/>
                    <a:pt x="25964" y="0"/>
                  </a:cubicBezTo>
                  <a:lnTo>
                    <a:pt x="9675706" y="0"/>
                  </a:lnTo>
                  <a:cubicBezTo>
                    <a:pt x="9701671" y="0"/>
                    <a:pt x="9723120" y="21437"/>
                    <a:pt x="9723120" y="47413"/>
                  </a:cubicBezTo>
                  <a:lnTo>
                    <a:pt x="9723120" y="381564"/>
                  </a:lnTo>
                  <a:cubicBezTo>
                    <a:pt x="9723120" y="407528"/>
                    <a:pt x="9701671" y="428977"/>
                    <a:pt x="9675706" y="428977"/>
                  </a:cubicBezTo>
                  <a:close/>
                </a:path>
              </a:pathLst>
            </a:custGeom>
            <a:solidFill>
              <a:srgbClr val="2095F3">
                <a:alpha val="100000"/>
              </a:srgbClr>
            </a:solidFill>
            <a:ln w="0" cap="flat" cmpd="sng">
              <a:noFill/>
              <a:prstDash val="solid"/>
              <a:miter lim="800000"/>
            </a:ln>
          </p:spPr>
          <p:txBody>
            <a:bodyPr anchor="ctr">
              <a:spAutoFit/>
            </a:bodyPr>
            <a:lstStyle/>
            <a:p>
              <a:pPr algn="ctr"/>
              <a:endParaRPr lang="en-US"/>
            </a:p>
          </p:txBody>
        </p:sp>
      </p:grpSp>
      <p:sp>
        <p:nvSpPr>
          <p:cNvPr id="9" name="Left Brace 8">
            <a:extLst>
              <a:ext uri="{FF2B5EF4-FFF2-40B4-BE49-F238E27FC236}">
                <a16:creationId xmlns:a16="http://schemas.microsoft.com/office/drawing/2014/main" id="{524687B1-F2BA-0154-6661-F035056AE54E}"/>
              </a:ext>
            </a:extLst>
          </p:cNvPr>
          <p:cNvSpPr/>
          <p:nvPr/>
        </p:nvSpPr>
        <p:spPr>
          <a:xfrm rot="5400000">
            <a:off x="8044907" y="1402216"/>
            <a:ext cx="328246" cy="2814091"/>
          </a:xfrm>
          <a:prstGeom prst="leftBrace">
            <a:avLst>
              <a:gd name="adj1" fmla="val 44047"/>
              <a:gd name="adj2" fmla="val 50000"/>
            </a:avLst>
          </a:prstGeom>
          <a:ln w="31750" cap="rnd">
            <a:solidFill>
              <a:schemeClr val="accent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s-ES"/>
          </a:p>
        </p:txBody>
      </p:sp>
      <p:sp>
        <p:nvSpPr>
          <p:cNvPr id="125" name="Left Brace 124">
            <a:extLst>
              <a:ext uri="{FF2B5EF4-FFF2-40B4-BE49-F238E27FC236}">
                <a16:creationId xmlns:a16="http://schemas.microsoft.com/office/drawing/2014/main" id="{8A5D9137-B09B-BA89-BCE6-4B22EC6F4282}"/>
              </a:ext>
            </a:extLst>
          </p:cNvPr>
          <p:cNvSpPr/>
          <p:nvPr/>
        </p:nvSpPr>
        <p:spPr>
          <a:xfrm rot="5400000">
            <a:off x="3712498" y="1295866"/>
            <a:ext cx="328246" cy="3026791"/>
          </a:xfrm>
          <a:prstGeom prst="leftBrace">
            <a:avLst>
              <a:gd name="adj1" fmla="val 44047"/>
              <a:gd name="adj2" fmla="val 50000"/>
            </a:avLst>
          </a:prstGeom>
          <a:ln w="31750" cap="rnd">
            <a:solidFill>
              <a:schemeClr val="accent2"/>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s-ES"/>
          </a:p>
        </p:txBody>
      </p:sp>
      <p:sp>
        <p:nvSpPr>
          <p:cNvPr id="126" name="TextBox 125">
            <a:extLst>
              <a:ext uri="{FF2B5EF4-FFF2-40B4-BE49-F238E27FC236}">
                <a16:creationId xmlns:a16="http://schemas.microsoft.com/office/drawing/2014/main" id="{9C5E5B80-A81E-AFCC-9177-C1205994E927}"/>
              </a:ext>
            </a:extLst>
          </p:cNvPr>
          <p:cNvSpPr txBox="1"/>
          <p:nvPr/>
        </p:nvSpPr>
        <p:spPr>
          <a:xfrm>
            <a:off x="9092494" y="3823178"/>
            <a:ext cx="1175322" cy="923330"/>
          </a:xfrm>
          <a:prstGeom prst="rect">
            <a:avLst/>
          </a:prstGeom>
          <a:noFill/>
        </p:spPr>
        <p:txBody>
          <a:bodyPr wrap="none" rtlCol="0">
            <a:spAutoFit/>
          </a:bodyPr>
          <a:lstStyle/>
          <a:p>
            <a:pPr algn="ctr">
              <a:buClr>
                <a:srgbClr val="008CCF"/>
              </a:buClr>
            </a:pPr>
            <a:r>
              <a:rPr lang="en-NO" dirty="0"/>
              <a:t>Lasagne </a:t>
            </a:r>
          </a:p>
          <a:p>
            <a:pPr algn="ctr">
              <a:buClr>
                <a:srgbClr val="008CCF"/>
              </a:buClr>
            </a:pPr>
            <a:r>
              <a:rPr lang="en-NO" dirty="0"/>
              <a:t>Private</a:t>
            </a:r>
          </a:p>
          <a:p>
            <a:pPr algn="ctr">
              <a:buClr>
                <a:srgbClr val="008CCF"/>
              </a:buClr>
            </a:pPr>
            <a:r>
              <a:rPr lang="en-NO" dirty="0">
                <a:solidFill>
                  <a:srgbClr val="008CCF"/>
                </a:solidFill>
              </a:rPr>
              <a:t>Hospital</a:t>
            </a:r>
          </a:p>
        </p:txBody>
      </p:sp>
      <p:sp>
        <p:nvSpPr>
          <p:cNvPr id="127" name="TextBox 126">
            <a:extLst>
              <a:ext uri="{FF2B5EF4-FFF2-40B4-BE49-F238E27FC236}">
                <a16:creationId xmlns:a16="http://schemas.microsoft.com/office/drawing/2014/main" id="{AD13657A-888F-2F9C-95A9-C91D3BC6FA4C}"/>
              </a:ext>
            </a:extLst>
          </p:cNvPr>
          <p:cNvSpPr txBox="1"/>
          <p:nvPr/>
        </p:nvSpPr>
        <p:spPr>
          <a:xfrm>
            <a:off x="3261339" y="3826320"/>
            <a:ext cx="1237839" cy="923330"/>
          </a:xfrm>
          <a:prstGeom prst="rect">
            <a:avLst/>
          </a:prstGeom>
          <a:noFill/>
        </p:spPr>
        <p:txBody>
          <a:bodyPr wrap="none" rtlCol="0">
            <a:spAutoFit/>
          </a:bodyPr>
          <a:lstStyle/>
          <a:p>
            <a:pPr algn="ctr">
              <a:buClr>
                <a:srgbClr val="008CCF"/>
              </a:buClr>
            </a:pPr>
            <a:r>
              <a:rPr lang="en-NO" dirty="0"/>
              <a:t>Spaghetti</a:t>
            </a:r>
          </a:p>
          <a:p>
            <a:pPr algn="ctr">
              <a:buClr>
                <a:srgbClr val="008CCF"/>
              </a:buClr>
            </a:pPr>
            <a:r>
              <a:rPr lang="en-NO" dirty="0">
                <a:solidFill>
                  <a:schemeClr val="accent2"/>
                </a:solidFill>
              </a:rPr>
              <a:t>Health </a:t>
            </a:r>
          </a:p>
          <a:p>
            <a:pPr algn="ctr">
              <a:buClr>
                <a:srgbClr val="008CCF"/>
              </a:buClr>
            </a:pPr>
            <a:r>
              <a:rPr lang="es-ES" dirty="0">
                <a:solidFill>
                  <a:schemeClr val="accent2"/>
                </a:solidFill>
              </a:rPr>
              <a:t>C</a:t>
            </a:r>
            <a:r>
              <a:rPr lang="en-NO">
                <a:solidFill>
                  <a:schemeClr val="accent2"/>
                </a:solidFill>
              </a:rPr>
              <a:t>enter</a:t>
            </a:r>
            <a:endParaRPr lang="en-NO" dirty="0">
              <a:solidFill>
                <a:schemeClr val="accent2"/>
              </a:solidFill>
            </a:endParaRPr>
          </a:p>
        </p:txBody>
      </p:sp>
      <p:sp>
        <p:nvSpPr>
          <p:cNvPr id="128" name="TextBox 127">
            <a:extLst>
              <a:ext uri="{FF2B5EF4-FFF2-40B4-BE49-F238E27FC236}">
                <a16:creationId xmlns:a16="http://schemas.microsoft.com/office/drawing/2014/main" id="{27710CD9-2F6A-3A64-B077-E463D8B75158}"/>
              </a:ext>
            </a:extLst>
          </p:cNvPr>
          <p:cNvSpPr txBox="1"/>
          <p:nvPr/>
        </p:nvSpPr>
        <p:spPr>
          <a:xfrm>
            <a:off x="1874950" y="3806586"/>
            <a:ext cx="976549" cy="923330"/>
          </a:xfrm>
          <a:prstGeom prst="rect">
            <a:avLst/>
          </a:prstGeom>
          <a:noFill/>
        </p:spPr>
        <p:txBody>
          <a:bodyPr wrap="none" rtlCol="0">
            <a:spAutoFit/>
          </a:bodyPr>
          <a:lstStyle/>
          <a:p>
            <a:pPr algn="ctr">
              <a:buClr>
                <a:srgbClr val="008CCF"/>
              </a:buClr>
            </a:pPr>
            <a:r>
              <a:rPr lang="en-NO" dirty="0"/>
              <a:t>Apple </a:t>
            </a:r>
          </a:p>
          <a:p>
            <a:pPr algn="ctr">
              <a:buClr>
                <a:srgbClr val="008CCF"/>
              </a:buClr>
            </a:pPr>
            <a:r>
              <a:rPr lang="en-NO" dirty="0">
                <a:solidFill>
                  <a:schemeClr val="accent2"/>
                </a:solidFill>
              </a:rPr>
              <a:t>Health </a:t>
            </a:r>
          </a:p>
          <a:p>
            <a:pPr algn="ctr">
              <a:buClr>
                <a:srgbClr val="008CCF"/>
              </a:buClr>
            </a:pPr>
            <a:r>
              <a:rPr lang="en-NO" dirty="0">
                <a:solidFill>
                  <a:schemeClr val="accent2"/>
                </a:solidFill>
              </a:rPr>
              <a:t>Center</a:t>
            </a:r>
          </a:p>
        </p:txBody>
      </p:sp>
      <p:sp>
        <p:nvSpPr>
          <p:cNvPr id="129" name="TextBox 128">
            <a:extLst>
              <a:ext uri="{FF2B5EF4-FFF2-40B4-BE49-F238E27FC236}">
                <a16:creationId xmlns:a16="http://schemas.microsoft.com/office/drawing/2014/main" id="{CAE0CF3A-8574-CE01-6983-5612C073F266}"/>
              </a:ext>
            </a:extLst>
          </p:cNvPr>
          <p:cNvSpPr txBox="1"/>
          <p:nvPr/>
        </p:nvSpPr>
        <p:spPr>
          <a:xfrm>
            <a:off x="6242940" y="3779268"/>
            <a:ext cx="1066318" cy="923330"/>
          </a:xfrm>
          <a:prstGeom prst="rect">
            <a:avLst/>
          </a:prstGeom>
          <a:noFill/>
        </p:spPr>
        <p:txBody>
          <a:bodyPr wrap="none" rtlCol="0">
            <a:spAutoFit/>
          </a:bodyPr>
          <a:lstStyle/>
          <a:p>
            <a:pPr algn="ctr">
              <a:buClr>
                <a:srgbClr val="008CCF"/>
              </a:buClr>
            </a:pPr>
            <a:r>
              <a:rPr lang="en-NO" dirty="0"/>
              <a:t>Banana </a:t>
            </a:r>
          </a:p>
          <a:p>
            <a:pPr algn="ctr">
              <a:buClr>
                <a:srgbClr val="008CCF"/>
              </a:buClr>
            </a:pPr>
            <a:r>
              <a:rPr lang="en-NO" dirty="0"/>
              <a:t>District </a:t>
            </a:r>
          </a:p>
          <a:p>
            <a:pPr algn="ctr">
              <a:buClr>
                <a:srgbClr val="008CCF"/>
              </a:buClr>
            </a:pPr>
            <a:r>
              <a:rPr lang="en-NO" dirty="0">
                <a:solidFill>
                  <a:srgbClr val="008CCF"/>
                </a:solidFill>
              </a:rPr>
              <a:t>Hospital</a:t>
            </a:r>
          </a:p>
        </p:txBody>
      </p:sp>
      <p:sp>
        <p:nvSpPr>
          <p:cNvPr id="130" name="TextBox 129">
            <a:extLst>
              <a:ext uri="{FF2B5EF4-FFF2-40B4-BE49-F238E27FC236}">
                <a16:creationId xmlns:a16="http://schemas.microsoft.com/office/drawing/2014/main" id="{43D95E61-B9CD-2341-0E81-FA2406E316A7}"/>
              </a:ext>
            </a:extLst>
          </p:cNvPr>
          <p:cNvSpPr txBox="1"/>
          <p:nvPr/>
        </p:nvSpPr>
        <p:spPr>
          <a:xfrm>
            <a:off x="7719098" y="3823178"/>
            <a:ext cx="1066318" cy="923330"/>
          </a:xfrm>
          <a:prstGeom prst="rect">
            <a:avLst/>
          </a:prstGeom>
          <a:noFill/>
        </p:spPr>
        <p:txBody>
          <a:bodyPr wrap="none" rtlCol="0">
            <a:spAutoFit/>
          </a:bodyPr>
          <a:lstStyle/>
          <a:p>
            <a:pPr algn="ctr">
              <a:buClr>
                <a:srgbClr val="008CCF"/>
              </a:buClr>
            </a:pPr>
            <a:r>
              <a:rPr lang="en-NO" dirty="0"/>
              <a:t>Carrot</a:t>
            </a:r>
          </a:p>
          <a:p>
            <a:pPr algn="ctr">
              <a:buClr>
                <a:srgbClr val="008CCF"/>
              </a:buClr>
            </a:pPr>
            <a:r>
              <a:rPr lang="en-NO" dirty="0"/>
              <a:t>District </a:t>
            </a:r>
          </a:p>
          <a:p>
            <a:pPr algn="ctr">
              <a:buClr>
                <a:srgbClr val="008CCF"/>
              </a:buClr>
            </a:pPr>
            <a:r>
              <a:rPr lang="en-NO" dirty="0">
                <a:solidFill>
                  <a:srgbClr val="008CCF"/>
                </a:solidFill>
              </a:rPr>
              <a:t>Hospital</a:t>
            </a:r>
          </a:p>
        </p:txBody>
      </p:sp>
      <p:sp>
        <p:nvSpPr>
          <p:cNvPr id="131" name="TextBox 130">
            <a:extLst>
              <a:ext uri="{FF2B5EF4-FFF2-40B4-BE49-F238E27FC236}">
                <a16:creationId xmlns:a16="http://schemas.microsoft.com/office/drawing/2014/main" id="{634C6486-59B7-9DD1-B71E-2BECB16DF37D}"/>
              </a:ext>
            </a:extLst>
          </p:cNvPr>
          <p:cNvSpPr txBox="1"/>
          <p:nvPr/>
        </p:nvSpPr>
        <p:spPr>
          <a:xfrm>
            <a:off x="4744340" y="3823178"/>
            <a:ext cx="1088760" cy="923330"/>
          </a:xfrm>
          <a:prstGeom prst="rect">
            <a:avLst/>
          </a:prstGeom>
          <a:noFill/>
        </p:spPr>
        <p:txBody>
          <a:bodyPr wrap="none" rtlCol="0">
            <a:spAutoFit/>
          </a:bodyPr>
          <a:lstStyle/>
          <a:p>
            <a:pPr algn="ctr">
              <a:buClr>
                <a:srgbClr val="008CCF"/>
              </a:buClr>
            </a:pPr>
            <a:r>
              <a:rPr lang="en-NO" dirty="0"/>
              <a:t>Spinach</a:t>
            </a:r>
          </a:p>
          <a:p>
            <a:pPr algn="ctr">
              <a:buClr>
                <a:srgbClr val="008CCF"/>
              </a:buClr>
            </a:pPr>
            <a:r>
              <a:rPr lang="en-NO" dirty="0">
                <a:solidFill>
                  <a:schemeClr val="accent2"/>
                </a:solidFill>
              </a:rPr>
              <a:t>Health</a:t>
            </a:r>
          </a:p>
          <a:p>
            <a:pPr algn="ctr">
              <a:buClr>
                <a:srgbClr val="008CCF"/>
              </a:buClr>
            </a:pPr>
            <a:r>
              <a:rPr lang="en-NO" dirty="0">
                <a:solidFill>
                  <a:schemeClr val="accent2"/>
                </a:solidFill>
              </a:rPr>
              <a:t>Center</a:t>
            </a:r>
          </a:p>
        </p:txBody>
      </p:sp>
    </p:spTree>
    <p:custDataLst>
      <p:tags r:id="rId1"/>
    </p:custDataLst>
    <p:extLst>
      <p:ext uri="{BB962C8B-B14F-4D97-AF65-F5344CB8AC3E}">
        <p14:creationId xmlns:p14="http://schemas.microsoft.com/office/powerpoint/2010/main" val="1879634594"/>
      </p:ext>
    </p:extLst>
  </p:cSld>
  <p:clrMapOvr>
    <a:masterClrMapping/>
  </p:clrMapOvr>
  <mc:AlternateContent xmlns:mc="http://schemas.openxmlformats.org/markup-compatibility/2006" xmlns:p159="http://schemas.microsoft.com/office/powerpoint/2015/09/main">
    <mc:Choice Requires="p159">
      <p:transition spd="slow" advClick="0" advTm="7150">
        <p159:morph option="byObject"/>
      </p:transition>
    </mc:Choice>
    <mc:Fallback xmlns="">
      <p:transition spd="slow" advClick="0" advTm="715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90"/>
                                        </p:tgtEl>
                                        <p:attrNameLst>
                                          <p:attrName>style.visibility</p:attrName>
                                        </p:attrNameLst>
                                      </p:cBhvr>
                                      <p:to>
                                        <p:strVal val="visible"/>
                                      </p:to>
                                    </p:set>
                                    <p:animEffect transition="in" filter="fade">
                                      <p:cBhvr>
                                        <p:cTn id="7" dur="500"/>
                                        <p:tgtEl>
                                          <p:spTgt spid="90"/>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91"/>
                                        </p:tgtEl>
                                        <p:attrNameLst>
                                          <p:attrName>style.visibility</p:attrName>
                                        </p:attrNameLst>
                                      </p:cBhvr>
                                      <p:to>
                                        <p:strVal val="visible"/>
                                      </p:to>
                                    </p:set>
                                    <p:animEffect transition="in" filter="fade">
                                      <p:cBhvr>
                                        <p:cTn id="10" dur="500"/>
                                        <p:tgtEl>
                                          <p:spTgt spid="91"/>
                                        </p:tgtEl>
                                      </p:cBhvr>
                                    </p:animEffect>
                                  </p:childTnLst>
                                </p:cTn>
                              </p:par>
                            </p:childTnLst>
                          </p:cTn>
                        </p:par>
                        <p:par>
                          <p:cTn id="11" fill="hold">
                            <p:stCondLst>
                              <p:cond delay="500"/>
                            </p:stCondLst>
                            <p:childTnLst>
                              <p:par>
                                <p:cTn id="12" presetID="22" presetClass="entr" presetSubtype="1" fill="hold" grpId="0" nodeType="afterEffect">
                                  <p:stCondLst>
                                    <p:cond delay="0"/>
                                  </p:stCondLst>
                                  <p:childTnLst>
                                    <p:set>
                                      <p:cBhvr>
                                        <p:cTn id="13" dur="1" fill="hold">
                                          <p:stCondLst>
                                            <p:cond delay="0"/>
                                          </p:stCondLst>
                                        </p:cTn>
                                        <p:tgtEl>
                                          <p:spTgt spid="125"/>
                                        </p:tgtEl>
                                        <p:attrNameLst>
                                          <p:attrName>style.visibility</p:attrName>
                                        </p:attrNameLst>
                                      </p:cBhvr>
                                      <p:to>
                                        <p:strVal val="visible"/>
                                      </p:to>
                                    </p:set>
                                    <p:animEffect transition="in" filter="wipe(up)">
                                      <p:cBhvr>
                                        <p:cTn id="14" dur="500"/>
                                        <p:tgtEl>
                                          <p:spTgt spid="125"/>
                                        </p:tgtEl>
                                      </p:cBhvr>
                                    </p:animEffect>
                                  </p:childTnLst>
                                </p:cTn>
                              </p:par>
                              <p:par>
                                <p:cTn id="15" presetID="22" presetClass="entr" presetSubtype="1" fill="hold" grpId="0" nodeType="withEffect">
                                  <p:stCondLst>
                                    <p:cond delay="0"/>
                                  </p:stCondLst>
                                  <p:childTnLst>
                                    <p:set>
                                      <p:cBhvr>
                                        <p:cTn id="16" dur="1" fill="hold">
                                          <p:stCondLst>
                                            <p:cond delay="0"/>
                                          </p:stCondLst>
                                        </p:cTn>
                                        <p:tgtEl>
                                          <p:spTgt spid="9"/>
                                        </p:tgtEl>
                                        <p:attrNameLst>
                                          <p:attrName>style.visibility</p:attrName>
                                        </p:attrNameLst>
                                      </p:cBhvr>
                                      <p:to>
                                        <p:strVal val="visible"/>
                                      </p:to>
                                    </p:set>
                                    <p:animEffect transition="in" filter="wipe(up)">
                                      <p:cBhvr>
                                        <p:cTn id="17" dur="5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0" grpId="0" animBg="1"/>
      <p:bldP spid="91" grpId="0" animBg="1"/>
      <p:bldP spid="9" grpId="0" animBg="1"/>
      <p:bldP spid="125" grpId="0" animBg="1"/>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7D6B582-BB73-D568-9154-5896ABF7589D}"/>
              </a:ext>
            </a:extLst>
          </p:cNvPr>
          <p:cNvSpPr>
            <a:spLocks noGrp="1"/>
          </p:cNvSpPr>
          <p:nvPr>
            <p:ph type="title"/>
          </p:nvPr>
        </p:nvSpPr>
        <p:spPr/>
        <p:txBody>
          <a:bodyPr/>
          <a:lstStyle/>
          <a:p>
            <a:endParaRPr lang="en-NO" dirty="0"/>
          </a:p>
        </p:txBody>
      </p:sp>
      <p:sp>
        <p:nvSpPr>
          <p:cNvPr id="3" name="TextBox 2">
            <a:extLst>
              <a:ext uri="{FF2B5EF4-FFF2-40B4-BE49-F238E27FC236}">
                <a16:creationId xmlns:a16="http://schemas.microsoft.com/office/drawing/2014/main" id="{F1989F21-0FAE-14D2-005B-D26D04478B5F}"/>
              </a:ext>
            </a:extLst>
          </p:cNvPr>
          <p:cNvSpPr txBox="1"/>
          <p:nvPr/>
        </p:nvSpPr>
        <p:spPr>
          <a:xfrm>
            <a:off x="5314950" y="3198167"/>
            <a:ext cx="1324402" cy="461665"/>
          </a:xfrm>
          <a:prstGeom prst="rect">
            <a:avLst/>
          </a:prstGeom>
          <a:noFill/>
        </p:spPr>
        <p:txBody>
          <a:bodyPr wrap="none" rtlCol="0">
            <a:spAutoFit/>
          </a:bodyPr>
          <a:lstStyle/>
          <a:p>
            <a:pPr algn="l">
              <a:buClr>
                <a:srgbClr val="008CCF"/>
              </a:buClr>
            </a:pPr>
            <a:r>
              <a:rPr lang="fr-FR" sz="2400" dirty="0" err="1"/>
              <a:t>Demo</a:t>
            </a:r>
            <a:r>
              <a:rPr lang="fr-FR" sz="2400" dirty="0"/>
              <a:t> 1 </a:t>
            </a:r>
          </a:p>
        </p:txBody>
      </p:sp>
    </p:spTree>
    <p:custDataLst>
      <p:tags r:id="rId1"/>
    </p:custDataLst>
    <p:extLst>
      <p:ext uri="{BB962C8B-B14F-4D97-AF65-F5344CB8AC3E}">
        <p14:creationId xmlns:p14="http://schemas.microsoft.com/office/powerpoint/2010/main" val="3523986021"/>
      </p:ext>
    </p:extLst>
  </p:cSld>
  <p:clrMapOvr>
    <a:masterClrMapping/>
  </p:clrMapOvr>
  <mc:AlternateContent xmlns:mc="http://schemas.openxmlformats.org/markup-compatibility/2006" xmlns:p14="http://schemas.microsoft.com/office/powerpoint/2010/main">
    <mc:Choice Requires="p14">
      <p:transition spd="slow" p14:dur="2000" advClick="0" advTm="190437"/>
    </mc:Choice>
    <mc:Fallback xmlns="">
      <p:transition spd="slow" advClick="0" advTm="190437"/>
    </mc:Fallback>
  </mc:AlternateContent>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a:r>
              <a:rPr lang="en-NO" dirty="0"/>
              <a:t>Summary</a:t>
            </a:r>
          </a:p>
        </p:txBody>
      </p:sp>
      <p:sp>
        <p:nvSpPr>
          <p:cNvPr id="4" name="TextBox 3">
            <a:extLst>
              <a:ext uri="{FF2B5EF4-FFF2-40B4-BE49-F238E27FC236}">
                <a16:creationId xmlns:a16="http://schemas.microsoft.com/office/drawing/2014/main" id="{78294CED-FDB0-D113-DC0D-A7C383F40414}"/>
              </a:ext>
            </a:extLst>
          </p:cNvPr>
          <p:cNvSpPr txBox="1"/>
          <p:nvPr/>
        </p:nvSpPr>
        <p:spPr>
          <a:xfrm>
            <a:off x="2148521" y="2106585"/>
            <a:ext cx="7894957" cy="3449983"/>
          </a:xfrm>
          <a:prstGeom prst="rect">
            <a:avLst/>
          </a:prstGeom>
          <a:noFill/>
        </p:spPr>
        <p:txBody>
          <a:bodyPr wrap="square" rtlCol="0">
            <a:spAutoFit/>
          </a:bodyPr>
          <a:lstStyle/>
          <a:p>
            <a:pPr marL="457200" indent="-457200" algn="l">
              <a:lnSpc>
                <a:spcPts val="3300"/>
              </a:lnSpc>
              <a:buClr>
                <a:srgbClr val="008CCF"/>
              </a:buClr>
              <a:buFont typeface="+mj-lt"/>
              <a:buAutoNum type="arabicPeriod"/>
            </a:pPr>
            <a:r>
              <a:rPr lang="en-US" sz="2400" dirty="0"/>
              <a:t>D</a:t>
            </a:r>
            <a:r>
              <a:rPr lang="en-NO" sz="2400" dirty="0"/>
              <a:t>efine the categories of organisation</a:t>
            </a:r>
            <a:r>
              <a:rPr lang="es-ES" sz="2400" dirty="0"/>
              <a:t> </a:t>
            </a:r>
            <a:r>
              <a:rPr lang="es-ES" sz="2400" dirty="0" err="1"/>
              <a:t>units</a:t>
            </a:r>
            <a:endParaRPr lang="en-NO" sz="2400" dirty="0"/>
          </a:p>
          <a:p>
            <a:pPr marL="457200" indent="-457200" algn="l">
              <a:lnSpc>
                <a:spcPts val="3300"/>
              </a:lnSpc>
              <a:buClr>
                <a:srgbClr val="008CCF"/>
              </a:buClr>
              <a:buFont typeface="+mj-lt"/>
              <a:buAutoNum type="arabicPeriod"/>
            </a:pPr>
            <a:r>
              <a:rPr lang="nb-NO" sz="2400" dirty="0">
                <a:latin typeface="+mj-lt"/>
              </a:rPr>
              <a:t>Maintenance</a:t>
            </a:r>
            <a:r>
              <a:rPr lang="nb-NO" sz="2400" dirty="0"/>
              <a:t> </a:t>
            </a:r>
            <a:r>
              <a:rPr lang="nb-NO" sz="2400" dirty="0">
                <a:latin typeface="+mj-lt"/>
              </a:rPr>
              <a:t>app</a:t>
            </a:r>
            <a:r>
              <a:rPr lang="nb-NO" sz="2400" dirty="0"/>
              <a:t>:</a:t>
            </a:r>
          </a:p>
          <a:p>
            <a:pPr marL="914400" lvl="1" indent="-457200">
              <a:lnSpc>
                <a:spcPts val="3300"/>
              </a:lnSpc>
              <a:buClr>
                <a:srgbClr val="008CCF"/>
              </a:buClr>
              <a:buFont typeface="Arial" panose="020B0604020202020204" pitchFamily="34" charset="0"/>
              <a:buChar char="•"/>
            </a:pPr>
            <a:r>
              <a:rPr lang="nb-NO" sz="2400" dirty="0"/>
              <a:t>Select the </a:t>
            </a:r>
            <a:r>
              <a:rPr lang="nb-NO" sz="2400" dirty="0">
                <a:latin typeface="+mj-lt"/>
              </a:rPr>
              <a:t>Organisation unit </a:t>
            </a:r>
            <a:r>
              <a:rPr lang="nb-NO" sz="2400" dirty="0"/>
              <a:t>tab</a:t>
            </a:r>
          </a:p>
          <a:p>
            <a:pPr marL="914400" lvl="1" indent="-457200">
              <a:lnSpc>
                <a:spcPts val="3300"/>
              </a:lnSpc>
              <a:buClr>
                <a:srgbClr val="008CCF"/>
              </a:buClr>
              <a:buFont typeface="Arial" panose="020B0604020202020204" pitchFamily="34" charset="0"/>
              <a:buChar char="•"/>
            </a:pPr>
            <a:r>
              <a:rPr lang="nb-NO" sz="2400" dirty="0"/>
              <a:t>Select</a:t>
            </a:r>
            <a:r>
              <a:rPr lang="nb-NO" sz="2400" dirty="0">
                <a:latin typeface="+mj-lt"/>
              </a:rPr>
              <a:t> Organisation unit group</a:t>
            </a:r>
            <a:endParaRPr lang="en-NO" sz="2400" dirty="0">
              <a:latin typeface="+mj-lt"/>
            </a:endParaRPr>
          </a:p>
          <a:p>
            <a:pPr marL="914400" lvl="1" indent="-457200">
              <a:lnSpc>
                <a:spcPts val="3300"/>
              </a:lnSpc>
              <a:buClr>
                <a:srgbClr val="008CCF"/>
              </a:buClr>
              <a:buFont typeface="Arial" panose="020B0604020202020204" pitchFamily="34" charset="0"/>
              <a:buChar char="•"/>
            </a:pPr>
            <a:r>
              <a:rPr lang="en-US" sz="2400" dirty="0"/>
              <a:t>+ sign to add a new group</a:t>
            </a:r>
            <a:endParaRPr lang="en-NO" sz="2400" dirty="0"/>
          </a:p>
          <a:p>
            <a:pPr marL="457200" indent="-457200" algn="l">
              <a:lnSpc>
                <a:spcPts val="3300"/>
              </a:lnSpc>
              <a:buClr>
                <a:srgbClr val="008CCF"/>
              </a:buClr>
              <a:buFont typeface="+mj-lt"/>
              <a:buAutoNum type="arabicPeriod"/>
            </a:pPr>
            <a:r>
              <a:rPr lang="nb-NO" sz="2400" dirty="0"/>
              <a:t>Fill in </a:t>
            </a:r>
            <a:r>
              <a:rPr lang="nb-NO" sz="2400" dirty="0">
                <a:latin typeface="+mj-lt"/>
              </a:rPr>
              <a:t>Name </a:t>
            </a:r>
            <a:r>
              <a:rPr lang="nb-NO" sz="2400" dirty="0"/>
              <a:t>and</a:t>
            </a:r>
            <a:r>
              <a:rPr lang="nb-NO" sz="2400" dirty="0">
                <a:latin typeface="+mj-lt"/>
              </a:rPr>
              <a:t> short name</a:t>
            </a:r>
            <a:r>
              <a:rPr lang="nb-NO" sz="2400" dirty="0"/>
              <a:t> </a:t>
            </a:r>
          </a:p>
          <a:p>
            <a:pPr marL="457200" indent="-457200" algn="l">
              <a:lnSpc>
                <a:spcPts val="3300"/>
              </a:lnSpc>
              <a:buClr>
                <a:srgbClr val="008CCF"/>
              </a:buClr>
              <a:buFont typeface="+mj-lt"/>
              <a:buAutoNum type="arabicPeriod"/>
            </a:pPr>
            <a:r>
              <a:rPr lang="en-NO" sz="2400" dirty="0"/>
              <a:t>Fill in optional fields (</a:t>
            </a:r>
            <a:r>
              <a:rPr lang="nb-NO" sz="2400" dirty="0"/>
              <a:t>C</a:t>
            </a:r>
            <a:r>
              <a:rPr lang="en-NO" sz="2400" dirty="0"/>
              <a:t>ode and </a:t>
            </a:r>
            <a:r>
              <a:rPr lang="nb-NO" sz="2400" dirty="0"/>
              <a:t>S</a:t>
            </a:r>
            <a:r>
              <a:rPr lang="en-NO" sz="2400" dirty="0"/>
              <a:t>ymbol)</a:t>
            </a:r>
          </a:p>
          <a:p>
            <a:pPr marL="457200" indent="-457200" algn="l">
              <a:lnSpc>
                <a:spcPts val="3300"/>
              </a:lnSpc>
              <a:buClr>
                <a:srgbClr val="008CCF"/>
              </a:buClr>
              <a:buFont typeface="+mj-lt"/>
              <a:buAutoNum type="arabicPeriod"/>
            </a:pPr>
            <a:r>
              <a:rPr lang="en-US" sz="2400" dirty="0"/>
              <a:t>Add </a:t>
            </a:r>
            <a:r>
              <a:rPr lang="en-US" sz="2400" dirty="0" err="1"/>
              <a:t>organisation</a:t>
            </a:r>
            <a:r>
              <a:rPr lang="en-US" sz="2400" dirty="0"/>
              <a:t> units</a:t>
            </a:r>
            <a:endParaRPr lang="en-US" sz="2400" dirty="0">
              <a:solidFill>
                <a:schemeClr val="accent1"/>
              </a:solidFill>
            </a:endParaRPr>
          </a:p>
        </p:txBody>
      </p:sp>
      <p:sp>
        <p:nvSpPr>
          <p:cNvPr id="11" name="TextBox 10">
            <a:extLst>
              <a:ext uri="{FF2B5EF4-FFF2-40B4-BE49-F238E27FC236}">
                <a16:creationId xmlns:a16="http://schemas.microsoft.com/office/drawing/2014/main" id="{B89A51D9-E6E8-2824-A503-B14A0E446D78}"/>
              </a:ext>
            </a:extLst>
          </p:cNvPr>
          <p:cNvSpPr txBox="1"/>
          <p:nvPr/>
        </p:nvSpPr>
        <p:spPr>
          <a:xfrm>
            <a:off x="2133599" y="1367592"/>
            <a:ext cx="6365632" cy="461665"/>
          </a:xfrm>
          <a:prstGeom prst="rect">
            <a:avLst/>
          </a:prstGeom>
          <a:noFill/>
        </p:spPr>
        <p:txBody>
          <a:bodyPr wrap="square" rtlCol="0">
            <a:spAutoFit/>
          </a:bodyPr>
          <a:lstStyle/>
          <a:p>
            <a:pPr algn="l">
              <a:buClr>
                <a:srgbClr val="008CCF"/>
              </a:buClr>
            </a:pPr>
            <a:r>
              <a:rPr lang="es-ES" sz="2400"/>
              <a:t>How to create organisation unit groups:</a:t>
            </a:r>
          </a:p>
        </p:txBody>
      </p:sp>
    </p:spTree>
    <p:custDataLst>
      <p:tags r:id="rId1"/>
    </p:custDataLst>
    <p:extLst>
      <p:ext uri="{BB962C8B-B14F-4D97-AF65-F5344CB8AC3E}">
        <p14:creationId xmlns:p14="http://schemas.microsoft.com/office/powerpoint/2010/main" val="132084810"/>
      </p:ext>
    </p:extLst>
  </p:cSld>
  <p:clrMapOvr>
    <a:masterClrMapping/>
  </p:clrMapOvr>
  <mc:AlternateContent xmlns:mc="http://schemas.openxmlformats.org/markup-compatibility/2006" xmlns:p14="http://schemas.microsoft.com/office/powerpoint/2010/main">
    <mc:Choice Requires="p14">
      <p:transition spd="slow" p14:dur="2000" advClick="0" advTm="52848"/>
    </mc:Choice>
    <mc:Fallback xmlns="">
      <p:transition spd="slow" advClick="0" advTm="52848"/>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1"/>
                                        </p:tgtEl>
                                        <p:attrNameLst>
                                          <p:attrName>style.visibility</p:attrName>
                                        </p:attrNameLst>
                                      </p:cBhvr>
                                      <p:to>
                                        <p:strVal val="visible"/>
                                      </p:to>
                                    </p:set>
                                    <p:animEffect transition="in" filter="fade">
                                      <p:cBhvr>
                                        <p:cTn id="7" dur="500"/>
                                        <p:tgtEl>
                                          <p:spTgt spid="11"/>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4">
                                            <p:txEl>
                                              <p:pRg st="0" end="0"/>
                                            </p:txEl>
                                          </p:spTgt>
                                        </p:tgtEl>
                                        <p:attrNameLst>
                                          <p:attrName>style.visibility</p:attrName>
                                        </p:attrNameLst>
                                      </p:cBhvr>
                                      <p:to>
                                        <p:strVal val="visible"/>
                                      </p:to>
                                    </p:set>
                                    <p:animEffect transition="in" filter="fade">
                                      <p:cBhvr>
                                        <p:cTn id="12" dur="500"/>
                                        <p:tgtEl>
                                          <p:spTgt spid="4">
                                            <p:txEl>
                                              <p:pRg st="0" end="0"/>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4">
                                            <p:txEl>
                                              <p:pRg st="1" end="1"/>
                                            </p:txEl>
                                          </p:spTgt>
                                        </p:tgtEl>
                                        <p:attrNameLst>
                                          <p:attrName>style.visibility</p:attrName>
                                        </p:attrNameLst>
                                      </p:cBhvr>
                                      <p:to>
                                        <p:strVal val="visible"/>
                                      </p:to>
                                    </p:set>
                                    <p:animEffect transition="in" filter="fade">
                                      <p:cBhvr>
                                        <p:cTn id="17" dur="500"/>
                                        <p:tgtEl>
                                          <p:spTgt spid="4">
                                            <p:txEl>
                                              <p:pRg st="1" end="1"/>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4">
                                            <p:txEl>
                                              <p:pRg st="2" end="2"/>
                                            </p:txEl>
                                          </p:spTgt>
                                        </p:tgtEl>
                                        <p:attrNameLst>
                                          <p:attrName>style.visibility</p:attrName>
                                        </p:attrNameLst>
                                      </p:cBhvr>
                                      <p:to>
                                        <p:strVal val="visible"/>
                                      </p:to>
                                    </p:set>
                                    <p:animEffect transition="in" filter="fade">
                                      <p:cBhvr>
                                        <p:cTn id="22" dur="500"/>
                                        <p:tgtEl>
                                          <p:spTgt spid="4">
                                            <p:txEl>
                                              <p:pRg st="2" end="2"/>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4">
                                            <p:txEl>
                                              <p:pRg st="3" end="3"/>
                                            </p:txEl>
                                          </p:spTgt>
                                        </p:tgtEl>
                                        <p:attrNameLst>
                                          <p:attrName>style.visibility</p:attrName>
                                        </p:attrNameLst>
                                      </p:cBhvr>
                                      <p:to>
                                        <p:strVal val="visible"/>
                                      </p:to>
                                    </p:set>
                                    <p:animEffect transition="in" filter="fade">
                                      <p:cBhvr>
                                        <p:cTn id="27" dur="500"/>
                                        <p:tgtEl>
                                          <p:spTgt spid="4">
                                            <p:txEl>
                                              <p:pRg st="3" end="3"/>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4">
                                            <p:txEl>
                                              <p:pRg st="4" end="4"/>
                                            </p:txEl>
                                          </p:spTgt>
                                        </p:tgtEl>
                                        <p:attrNameLst>
                                          <p:attrName>style.visibility</p:attrName>
                                        </p:attrNameLst>
                                      </p:cBhvr>
                                      <p:to>
                                        <p:strVal val="visible"/>
                                      </p:to>
                                    </p:set>
                                    <p:animEffect transition="in" filter="fade">
                                      <p:cBhvr>
                                        <p:cTn id="32" dur="500"/>
                                        <p:tgtEl>
                                          <p:spTgt spid="4">
                                            <p:txEl>
                                              <p:pRg st="4" end="4"/>
                                            </p:txEl>
                                          </p:spTgt>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nodeType="clickEffect">
                                  <p:stCondLst>
                                    <p:cond delay="0"/>
                                  </p:stCondLst>
                                  <p:childTnLst>
                                    <p:set>
                                      <p:cBhvr>
                                        <p:cTn id="36" dur="1" fill="hold">
                                          <p:stCondLst>
                                            <p:cond delay="0"/>
                                          </p:stCondLst>
                                        </p:cTn>
                                        <p:tgtEl>
                                          <p:spTgt spid="4">
                                            <p:txEl>
                                              <p:pRg st="5" end="5"/>
                                            </p:txEl>
                                          </p:spTgt>
                                        </p:tgtEl>
                                        <p:attrNameLst>
                                          <p:attrName>style.visibility</p:attrName>
                                        </p:attrNameLst>
                                      </p:cBhvr>
                                      <p:to>
                                        <p:strVal val="visible"/>
                                      </p:to>
                                    </p:set>
                                    <p:animEffect transition="in" filter="fade">
                                      <p:cBhvr>
                                        <p:cTn id="37" dur="500"/>
                                        <p:tgtEl>
                                          <p:spTgt spid="4">
                                            <p:txEl>
                                              <p:pRg st="5" end="5"/>
                                            </p:txEl>
                                          </p:spTgt>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nodeType="clickEffect">
                                  <p:stCondLst>
                                    <p:cond delay="0"/>
                                  </p:stCondLst>
                                  <p:childTnLst>
                                    <p:set>
                                      <p:cBhvr>
                                        <p:cTn id="41" dur="1" fill="hold">
                                          <p:stCondLst>
                                            <p:cond delay="0"/>
                                          </p:stCondLst>
                                        </p:cTn>
                                        <p:tgtEl>
                                          <p:spTgt spid="4">
                                            <p:txEl>
                                              <p:pRg st="6" end="6"/>
                                            </p:txEl>
                                          </p:spTgt>
                                        </p:tgtEl>
                                        <p:attrNameLst>
                                          <p:attrName>style.visibility</p:attrName>
                                        </p:attrNameLst>
                                      </p:cBhvr>
                                      <p:to>
                                        <p:strVal val="visible"/>
                                      </p:to>
                                    </p:set>
                                    <p:animEffect transition="in" filter="fade">
                                      <p:cBhvr>
                                        <p:cTn id="42" dur="500"/>
                                        <p:tgtEl>
                                          <p:spTgt spid="4">
                                            <p:txEl>
                                              <p:pRg st="6" end="6"/>
                                            </p:txEl>
                                          </p:spTgt>
                                        </p:tgtEl>
                                      </p:cBhvr>
                                    </p:animEffect>
                                  </p:childTnLst>
                                </p:cTn>
                              </p:par>
                            </p:childTnLst>
                          </p:cTn>
                        </p:par>
                      </p:childTnLst>
                    </p:cTn>
                  </p:par>
                  <p:par>
                    <p:cTn id="43" fill="hold">
                      <p:stCondLst>
                        <p:cond delay="indefinite"/>
                      </p:stCondLst>
                      <p:childTnLst>
                        <p:par>
                          <p:cTn id="44" fill="hold">
                            <p:stCondLst>
                              <p:cond delay="0"/>
                            </p:stCondLst>
                            <p:childTnLst>
                              <p:par>
                                <p:cTn id="45" presetID="10" presetClass="entr" presetSubtype="0" fill="hold" nodeType="clickEffect">
                                  <p:stCondLst>
                                    <p:cond delay="0"/>
                                  </p:stCondLst>
                                  <p:childTnLst>
                                    <p:set>
                                      <p:cBhvr>
                                        <p:cTn id="46" dur="1" fill="hold">
                                          <p:stCondLst>
                                            <p:cond delay="0"/>
                                          </p:stCondLst>
                                        </p:cTn>
                                        <p:tgtEl>
                                          <p:spTgt spid="4">
                                            <p:txEl>
                                              <p:pRg st="7" end="7"/>
                                            </p:txEl>
                                          </p:spTgt>
                                        </p:tgtEl>
                                        <p:attrNameLst>
                                          <p:attrName>style.visibility</p:attrName>
                                        </p:attrNameLst>
                                      </p:cBhvr>
                                      <p:to>
                                        <p:strVal val="visible"/>
                                      </p:to>
                                    </p:set>
                                    <p:animEffect transition="in" filter="fade">
                                      <p:cBhvr>
                                        <p:cTn id="47" dur="500"/>
                                        <p:tgtEl>
                                          <p:spTgt spid="4">
                                            <p:txEl>
                                              <p:pRg st="7" end="7"/>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spd="slow" p14:dur="896" advClick="0" advTm="12800">
        <p:strips/>
      </p:transition>
    </mc:Choice>
    <mc:Fallback xmlns="">
      <p:transition spd="slow"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91D5E91B-35A8-4E44-BAC9-7CA1D75FBD97}"/>
  <p:tag name="ISPRING_ULTRA_SCORM_COURCE_TITLE" val="2.2.5 Creating organisation unit groups"/>
  <p:tag name="ISPRING_PRESENTATION_TITLE" val="2.2.5 Creating organisation unit groups"/>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gSc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KBJ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oEn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KBJ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oEn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KBJ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CBpm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IGm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gaZ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CBpm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CBpm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"/>
  <p:tag name="ISPRING_SCREEN_RECS_UPDATED" val="D:\DHIS2_Projects\DHIS2Fundamentals2.0\DHIS2Customization\iSpringVideos\2.2.5 CreatingOrganisationUnitGroups"/>
  <p:tag name="ISPRING_RESOURCE_FOLDER" val="D:\DHIS2_Projects\DHIS2Fundamentals2.0\DHIS2Customization\iSpringVideos\2.2.5 CreatingOrganisationUnitGroups"/>
  <p:tag name="ISPRING_PRESENTATION_PATH" val="D:\DHIS2_Projects\DHIS2Fundamentals2.0\DHIS2Customization\iSpringVideos\2.2.5 CreatingOrganisationUnitGroups.pptx"/>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quot;\uFFFD\uFFFD\uFFFDx{36D1059D-F3B6-43C3-9DD5-0F5046437A9F}&quot;,&quot;C:\\Users\\simonase\\Downloads&quot;]]"/>
  <p:tag name="FLASHSPRING_ZOOM_TAG" val="76"/>
  <p:tag name="ISPRING_PRESENTATION_INFO_2" val="&lt;?xml version=&quot;1.0&quot; encoding=&quot;UTF-8&quot; standalone=&quot;no&quot; ?&gt;&#10;&lt;presentation2&gt;&#10;&#10;  &lt;slides&gt;&#10;    &lt;slide id=&quot;{C9D0FF4F-C4E2-4B1B-BD7F-6C0F64CDB26A}&quot; pptId=&quot;299&quot;/&gt;&#10;    &lt;slide id=&quot;{F2723EEF-A1BA-4D5D-A63B-425D8BD937D4}&quot; pptId=&quot;282&quot;/&gt;&#10;    &lt;slide id=&quot;{8F74AC12-C6E9-4406-923C-7D20D74D2736}&quot; pptId=&quot;308&quot;/&gt;&#10;    &lt;slide id=&quot;{8EDD801C-8A26-4412-9FFA-0EFF3760D101}&quot; pptId=&quot;301&quot;/&gt;&#10;    &lt;slide id=&quot;{5DA235F7-0DC4-4A4D-B67A-737A50C1A780}&quot; pptId=&quot;307&quot;/&gt;&#10;    &lt;slide id=&quot;{A7FFCC11-F902-4696-8AA4-1DECAD1BFD92}&quot; pptId=&quot;304&quot;/&gt;&#10;    &lt;slide id=&quot;{916616FE-0613-4E92-A544-44211FD51654}&quot; pptId=&quot;300&quot;/&gt;&#10;    &lt;slide id=&quot;{790A9670-8258-4283-92FF-5095F4893896}&quot; pptId=&quot;272&quot;/&gt;&#10;  &lt;/slides&gt;&#10;&#10;  &lt;narration&gt;&#10;    &lt;audioTracks&gt;&#10;      &lt;audioTrack muted=&quot;false&quot; name=&quot;Intro&quot; resource=&quot;439360de&quot; slideId=&quot;{C9D0FF4F-C4E2-4B1B-BD7F-6C0F64CDB26A}&quot; startTime=&quot;0&quot; stepIndex=&quot;0&quot; volume=&quot;1&quot;&gt;&#10;        &lt;audio channels=&quot;2&quot; format=&quot;fltp&quot; sampleRate=&quot;44100&quot;/&gt;&#10;      &lt;/audioTrack&gt;&#10;      &lt;audioTrack muted=&quot;false&quot; name=&quot;outro&quot; resource=&quot;9b7ac113&quot; slideId=&quot;{790A9670-8258-4283-92FF-5095F4893896}&quot; startTime=&quot;0&quot; stepIndex=&quot;0&quot; volume=&quot;1&quot;&gt;&#10;        &lt;audio channels=&quot;2&quot; format=&quot;fltp&quot; sampleRate=&quot;44100&quot;/&gt;&#10;      &lt;/audioTrack&gt;&#10;      &lt;audioTrack muted=&quot;false&quot; name=&quot;Slide 2&quot; resource=&quot;059a75df&quot; slideId=&quot;{F2723EEF-A1BA-4D5D-A63B-425D8BD937D4}&quot; startTime=&quot;734&quot; stepIndex=&quot;0&quot; volume=&quot;1&quot;&gt;&#10;        &lt;audio channels=&quot;2&quot; format=&quot;fltp&quot; sampleRate=&quot;48000&quot;/&gt;&#10;      &lt;/audioTrack&gt;&#10;      &lt;audioTrack muted=&quot;false&quot; name=&quot;Slide 3&quot; resource=&quot;84f690d0&quot; slideId=&quot;{8F74AC12-C6E9-4406-923C-7D20D74D2736}&quot; startTime=&quot;0&quot; stepIndex=&quot;0&quot; volume=&quot;1&quot;&gt;&#10;        &lt;audio channels=&quot;2&quot; format=&quot;fltp&quot; sampleRate=&quot;48000&quot;/&gt;&#10;      &lt;/audioTrack&gt;&#10;      &lt;audioTrack muted=&quot;false&quot; name=&quot;Slide 4&quot; resource=&quot;a6406920&quot; slideId=&quot;{8EDD801C-8A26-4412-9FFA-0EFF3760D101}&quot; startTime=&quot;0&quot; stepIndex=&quot;0&quot; volume=&quot;1&quot;&gt;&#10;        &lt;audio channels=&quot;2&quot; format=&quot;fltp&quot; sampleRate=&quot;48000&quot;/&gt;&#10;      &lt;/audioTrack&gt;&#10;      &lt;audioTrack muted=&quot;false&quot; name=&quot;Slide 5&quot; resource=&quot;b4806058&quot; slideId=&quot;{5DA235F7-0DC4-4A4D-B67A-737A50C1A780}&quot; startTime=&quot;572&quot; stepIndex=&quot;0&quot; volume=&quot;1&quot;&gt;&#10;        &lt;audio channels=&quot;2&quot; format=&quot;fltp&quot; sampleRate=&quot;48000&quot;/&gt;&#10;      &lt;/audioTrack&gt;&#10;      &lt;audioTrack muted=&quot;false&quot; name=&quot;Slide 7_V2&quot; resource=&quot;2b3a4c35&quot; slideId=&quot;{916616FE-0613-4E92-A544-44211FD51654}&quot; startTime=&quot;0&quot; stepIndex=&quot;0&quot; volume=&quot;1&quot;&gt;&#10;        &lt;audio channels=&quot;2&quot; format=&quot;fltp&quot; sampleRate=&quot;48000&quot;/&gt;&#10;      &lt;/audioTrack&gt;&#10;    &lt;/audioTracks&gt;&#10;    &lt;videoTracks/&gt;&#10;  &lt;/narration&gt;&#10;&#10;&lt;/presentation2&gt;&#10;"/>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2.2.5 Creating organisation unit groups&quot;,&quot;onlineDestinationFolderId&quot;:&quot;5754ff1a-d1f2-11ec-9dfc-fef137c060bc&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C9D0FF4F-C4E2-4B1B-BD7F-6C0F64CDB26A}"/>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EE91810-51DD-43E6-A15D-105E6CB7A619}:282"/>
  <p:tag name="ISPRING_SLIDE_INDENT_LEVEL" val="0"/>
  <p:tag name="GENSWF_ADVANCE_TIME" val="19.334"/>
  <p:tag name="TIMING" val="|1.595|5.947|3.467"/>
  <p:tag name="ISPRING_SLIDE_ID_2" val="{F2723EEF-A1BA-4D5D-A63B-425D8BD937D4}"/>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6.552"/>
  <p:tag name="TIMING" val="|2.431"/>
  <p:tag name="GENSWF_SLIDE_UID" val="{EA00F0E3-2A97-435E-AC14-565403B8ADC5}:308"/>
  <p:tag name="ISPRING_SLIDE_ID_2" val="{8F74AC12-C6E9-4406-923C-7D20D74D2736}"/>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EDF6625A-DAB5-4988-9C80-DFF8C0F2E8FB}:301"/>
  <p:tag name="ISPRING_SLIDE_INDENT_LEVEL" val="0"/>
  <p:tag name="GENSWF_ADVANCE_TIME" val="15.902"/>
  <p:tag name="TIMING" val="|2.776|11.315"/>
  <p:tag name="ISPRING_SLIDE_ID_2" val="{8EDD801C-8A26-4412-9FFA-0EFF3760D101}"/>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58035F-99EB-40DC-BBD0-F0A0ACA7DC16}:307"/>
  <p:tag name="ISPRING_SLIDE_INDENT_LEVEL" val="0"/>
  <p:tag name="GENSWF_ADVANCE_TIME" val="7.150"/>
  <p:tag name="TIMING" val="|2.244"/>
  <p:tag name="ISPRING_SLIDE_ID_2" val="{5DA235F7-0DC4-4A4D-B67A-737A50C1A78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74715222-3BAF-4C27-B9DA-9CA4450E5077}:304"/>
  <p:tag name="GENSWF_ADVANCE_TIME" val="190.437"/>
  <p:tag name="ISPRING_SLIDE_ID_2" val="{A7FFCC11-F902-4696-8AA4-1DECAD1BFD92}"/>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85EB75B-8F80-4AA5-B812-FDD0DDDF5F27}:300"/>
  <p:tag name="ISPRING_SLIDE_INDENT_LEVEL" val="0"/>
  <p:tag name="GENSWF_ADVANCE_TIME" val="52.848"/>
  <p:tag name="ISPRING_SLIDE_ID_2" val="{916616FE-0613-4E92-A544-44211FD51654}"/>
  <p:tag name="TIMING" val="|2.993|9.534|10.202|2.953|3.703|4.342|4.811|3.392|6.453"/>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790A9670-8258-4283-92FF-5095F4893896}"/>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5705</TotalTime>
  <Words>865</Words>
  <Application>Microsoft Macintosh PowerPoint</Application>
  <PresentationFormat>Widescreen</PresentationFormat>
  <Paragraphs>101</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Organisation unit hierarchy </vt:lpstr>
      <vt:lpstr>Organisation unit hierarchy </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2.5 Creating organisation unit groups</dc:title>
  <dc:subject>elearning</dc:subject>
  <dc:creator>Alejandra Avila</dc:creator>
  <cp:lastModifiedBy>Simona Sekerova</cp:lastModifiedBy>
  <cp:revision>486</cp:revision>
  <cp:lastPrinted>2021-06-09T13:32:46Z</cp:lastPrinted>
  <dcterms:created xsi:type="dcterms:W3CDTF">2021-02-03T12:41:27Z</dcterms:created>
  <dcterms:modified xsi:type="dcterms:W3CDTF">2023-04-18T08:33:28Z</dcterms:modified>
</cp:coreProperties>
</file>